
<file path=[Content_Types].xml><?xml version="1.0" encoding="utf-8"?>
<Types xmlns="http://schemas.openxmlformats.org/package/2006/content-types">
  <Default Extension="bin" ContentType="application/vnd.openxmlformats-officedocument.spreadsheetml.printerSettings"/>
  <Override PartName="/xl/theme/theme1.xml" ContentType="application/vnd.openxmlformats-officedocument.theme+xml"/>
  <Override PartName="/xl/styles.xml" ContentType="application/vnd.openxmlformats-officedocument.spreadsheetml.styles+xml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docProps/app.xml" ContentType="application/vnd.openxmlformats-officedocument.extended-properties+xml"/>
  <Override PartName="/xl/worksheets/sheet2.xml" ContentType="application/vnd.openxmlformats-officedocument.spreadsheetml.worksheet+xml"/>
  <Override PartName="/xl/connections.xml" ContentType="application/vnd.openxmlformats-officedocument.spreadsheetml.connections+xml"/>
  <Override PartName="/xl/worksheets/sheet1.xml" ContentType="application/vnd.openxmlformats-officedocument.spreadsheetml.worksheet+xml"/>
  <Override PartName="/xl/sharedStrings.xml" ContentType="application/vnd.openxmlformats-officedocument.spreadsheetml.sharedStr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4" lowestEdited="4" rupBuild="4507"/>
  <workbookPr defaultThemeVersion="124226"/>
  <bookViews>
    <workbookView xWindow="120" yWindow="105" windowWidth="18915" windowHeight="8505"/>
  </bookViews>
  <sheets>
    <sheet name="Einzel-Erkrankungen" sheetId="8" r:id="rId1"/>
    <sheet name="Klassifikation" sheetId="9" r:id="rId2"/>
  </sheets>
  <calcPr calcId="125725" concurrentCalc="0"/>
</workbook>
</file>

<file path=xl/connections.xml><?xml version="1.0" encoding="utf-8"?>
<connections xmlns="http://schemas.openxmlformats.org/spreadsheetml/2006/main">
  <connection id="1" name="rare_urogenital_diseases_en_product3_185" type="4" refreshedVersion="0" background="1">
    <webPr xml="1" sourceData="1" url="C:\Users\till.voigtlaender\Desktop\back-up 251012\t_voigtlaender\ccrd-gög\Nationaler Aktionsplan\disease_groups\classifications_rare_diseases_orphanet\s2\rare_urogenital_diseases_en_product3_185.xml" htmlTables="1" htmlFormat="all"/>
  </connection>
</connections>
</file>

<file path=xl/sharedStrings.xml><?xml version="1.0" encoding="utf-8"?>
<sst xmlns="http://schemas.openxmlformats.org/spreadsheetml/2006/main" count="227" uniqueCount="200">
  <si>
    <t>Rare urogenital disease</t>
  </si>
  <si>
    <t>• Disorder of sex development</t>
  </si>
  <si>
    <t>• 46,XX disorder of sex development</t>
  </si>
  <si>
    <t>• 46,XX disorder of gonadal development</t>
  </si>
  <si>
    <t>• 46,XX gonadal dysgenesis</t>
  </si>
  <si>
    <t>• 46,XX testicular disorder of sex development</t>
  </si>
  <si>
    <t>• 46,XX ovotesticular disorder of sex development</t>
  </si>
  <si>
    <t>• 46,XX disorder of sex development induced by androgens excess</t>
  </si>
  <si>
    <t>• 46,XX disorder of sex development induced by fetal androgens excess</t>
  </si>
  <si>
    <t>• Congenital adrenal hyperplasia due to 11-beta-hydroxylase deficiency</t>
  </si>
  <si>
    <t>• Classic congenital adrenal hyperplasia due to 21-hydroxylase deficiency</t>
  </si>
  <si>
    <t>• Classic congenital adrenal hyperplasia due to 21-hydroxylase deficiency, salt wasting form</t>
  </si>
  <si>
    <t>• Classic congenital adrenal hyperplasia due to 21-hydroxylase deficiency, simple virilizing form</t>
  </si>
  <si>
    <t>• Glucocorticoid resistance</t>
  </si>
  <si>
    <t>• Congenital adrenal hyperplasia due to cytochrome P450 oxidoreductase deficiency</t>
  </si>
  <si>
    <t>• Congenital adrenal hyperplasia due to 3-beta-hydroxysteroid dehydrogenase deficiency</t>
  </si>
  <si>
    <t>• 46,XX disorder of sex development induced by fetoplacental androgens excess</t>
  </si>
  <si>
    <t>• Aromatase deficiency</t>
  </si>
  <si>
    <t>• 46,XX disorder of sex development induced by maternal-derived androgen</t>
  </si>
  <si>
    <t>• 46,XX disorder of sex development induced by exogenous maternal-derived androgen</t>
  </si>
  <si>
    <t>• 46,XX disorder of sex development induced by endogenous maternal-derived androgen</t>
  </si>
  <si>
    <t>• Syndrome with 46,XX disorder of sex development</t>
  </si>
  <si>
    <t>• PAGOD syndrome</t>
  </si>
  <si>
    <t>• Palmoplantar keratoderma - XX sex reversal - predisposition to squamous cell carcinoma</t>
  </si>
  <si>
    <t>• Atypical Mayer-Rokitansky-Küster-Hauser syndrome</t>
  </si>
  <si>
    <t>• SERKAL syndrome</t>
  </si>
  <si>
    <t>• Lung fibrosis - immunodeficiency - 46,XX gonadal dysgenesis</t>
  </si>
  <si>
    <t>• 46,XX disorder of sex development - anorectal anomalies</t>
  </si>
  <si>
    <t>• 46,XX disorder of sex development - skeletal anomalies</t>
  </si>
  <si>
    <t>• Perrault syndrome</t>
  </si>
  <si>
    <t>• Sex chromosome disorder of sex development</t>
  </si>
  <si>
    <t>• 48,XXXY syndrome</t>
  </si>
  <si>
    <t>• 49,XXXXY syndrome</t>
  </si>
  <si>
    <t>• 48,XXYY syndrome</t>
  </si>
  <si>
    <t>• Turner syndrome</t>
  </si>
  <si>
    <t>• Monosomy X</t>
  </si>
  <si>
    <t>• Turner syndrome due to structural X chromosome anomalies</t>
  </si>
  <si>
    <t>• Mosaic monosomy X</t>
  </si>
  <si>
    <t>• 45,X/46,XY mixed gonadal dysgenesis</t>
  </si>
  <si>
    <t>• Tetragametic chimerism</t>
  </si>
  <si>
    <t>• 46,XY disorder of sex development</t>
  </si>
  <si>
    <t>• Penis agenesis</t>
  </si>
  <si>
    <t>• 46,XY disorder of sex development of endocrine origin</t>
  </si>
  <si>
    <t>• 46,XY disorder of sex development due to impaired androgen production</t>
  </si>
  <si>
    <t>• Leydig cell hypoplasia</t>
  </si>
  <si>
    <t>• Leydig cell hypoplasia due to complete LH resistance</t>
  </si>
  <si>
    <t>• Leydig cell hypoplasia due to partial LH resistance</t>
  </si>
  <si>
    <t>• Leydig cell hypoplasia due to LHB deficiency</t>
  </si>
  <si>
    <t>• 46,XY disorder of sex development due to testosterone synthesis defect</t>
  </si>
  <si>
    <t>• 46,XY disorder of sex development due to testicular steroidogenesis defect</t>
  </si>
  <si>
    <t>• 46,XY disorder of sex development due to 17-beta-hydroxysteroid dehydrogenase 3 deficiency</t>
  </si>
  <si>
    <t>• 46,XY disorder of sex development due to isolated 17, 20 lyase deficiency</t>
  </si>
  <si>
    <t>• 46,XY disorder of sex development due to cholesterol synthesis defect</t>
  </si>
  <si>
    <t>• Smith-Lemli-Opitz syndrome</t>
  </si>
  <si>
    <t>• 46,XY disorder of sex development due to adrenal and testicular steroidogenesis defect</t>
  </si>
  <si>
    <t>• 46,XY disorder of sex development - adrenal insufficiency due to CYP11A1 deficiency</t>
  </si>
  <si>
    <t>• Congenital lipoid adrenal hyperplasia due to STAR deficency</t>
  </si>
  <si>
    <t>• Non-classic congenital lipoid adrenal hyperplasia due to STAR deficency</t>
  </si>
  <si>
    <t>• Classic congenital lipoid adrenal hyperplasia due to STAR deficency</t>
  </si>
  <si>
    <t>• Congenital adrenal hyperplasia due to 17-alpha-hydroxylase deficiency</t>
  </si>
  <si>
    <t>• 46,XY disorder of sex development due to a defect in testosterone metabolism by peripheral tissue</t>
  </si>
  <si>
    <t>• 46,XY disorder of sex development due to 5-alpha-reductase 2 deficiency</t>
  </si>
  <si>
    <t>• Androgen insensitivity syndrome</t>
  </si>
  <si>
    <t>• Complete androgen insensitivity syndrome</t>
  </si>
  <si>
    <t>• Partial androgen insensitivity syndrome</t>
  </si>
  <si>
    <t>• Persistent Mullerian duct syndrome</t>
  </si>
  <si>
    <t>• 46,XY disorder of sex development induced by maternal-exposure to endocrine disruptors</t>
  </si>
  <si>
    <t>• 46,XY disorder of gonadal development</t>
  </si>
  <si>
    <t>• Testicular agenesis</t>
  </si>
  <si>
    <t>• 46,XY complete gonadal dysgenesis</t>
  </si>
  <si>
    <t>• 46,XY partial gonadal dysgenesis</t>
  </si>
  <si>
    <t>• 46,XY ovotesticular disorder of sex development</t>
  </si>
  <si>
    <t>• Testicular regression syndrome</t>
  </si>
  <si>
    <t>• Syndrome with 46,XY disorder of sex development</t>
  </si>
  <si>
    <t>• Frasier syndrome</t>
  </si>
  <si>
    <t>• Denys-Drash syndrome</t>
  </si>
  <si>
    <t>• Familial adrenal hypoplasia with absent pituitary luteinizing hormone</t>
  </si>
  <si>
    <t>• Campomelic dysplasia</t>
  </si>
  <si>
    <t>• WAGR syndrome</t>
  </si>
  <si>
    <t>• Gonadal dysgenesis, XY type - associated anomalies</t>
  </si>
  <si>
    <t>• Alpha thalassemia - X-linked intellectual deficit</t>
  </si>
  <si>
    <t>• Distal monosomy 9p</t>
  </si>
  <si>
    <t>• Meacham syndrome</t>
  </si>
  <si>
    <t>• Chondrodysplasia - disorder of sex development</t>
  </si>
  <si>
    <t>• Disorder of sex development - intellectual deficit</t>
  </si>
  <si>
    <t>• Sudden infant death - dysgenesis of the testes</t>
  </si>
  <si>
    <t>• X-linked lissencephaly with abnormal genitalia</t>
  </si>
  <si>
    <t>• Dysmorphism - short stature - deafness - disorder of sex development</t>
  </si>
  <si>
    <t>• 46,XY gonadal dysgenesis - motor and sensory neuropathy</t>
  </si>
  <si>
    <t>• Polycystic ovaries - urethral sphincter dysfunction</t>
  </si>
  <si>
    <t>• Interstitial cystitis</t>
  </si>
  <si>
    <t>• Urogenital tract malformation</t>
  </si>
  <si>
    <t>• Nonsyndromic urogenital tract malformation</t>
  </si>
  <si>
    <t>• Nonsyndromic urogenital tract malformation of female</t>
  </si>
  <si>
    <t>• Non-syndromic uterovaginal malformation</t>
  </si>
  <si>
    <t>• Diethylstilbestrol syndrome</t>
  </si>
  <si>
    <t>• Mullerian aplasia</t>
  </si>
  <si>
    <t>• Partial bilateral aplasia of the Müllerian duct</t>
  </si>
  <si>
    <t>• Mayer-Rokitansky-Küster-Hauser syndrome</t>
  </si>
  <si>
    <t>• MURCS association</t>
  </si>
  <si>
    <t>• Classic Mayer-Rokitansky-Küster-Hauser syndrome</t>
  </si>
  <si>
    <t>• Unilateral aplasia of the Müllerian duct</t>
  </si>
  <si>
    <t>• True unicornuate uterus</t>
  </si>
  <si>
    <t>• Pseudo unicornuate uterus</t>
  </si>
  <si>
    <t>• Septate uterus</t>
  </si>
  <si>
    <t>• Total septate uterus</t>
  </si>
  <si>
    <t>• Subtotal septate uterus</t>
  </si>
  <si>
    <t>• Bicornuate uterus</t>
  </si>
  <si>
    <t>• Didelphys uterus</t>
  </si>
  <si>
    <t>• Bicervical bicornuate uterus and blind hemi-vagina</t>
  </si>
  <si>
    <t>• Bicervical bicornuate uterus with patent cervix and vagina</t>
  </si>
  <si>
    <t>• Unicervical bicornuate uterus</t>
  </si>
  <si>
    <t>• Cordiformis uterus</t>
  </si>
  <si>
    <t>• Uterine hypoplasia</t>
  </si>
  <si>
    <t>• Agenesis and aplasia of uterine body</t>
  </si>
  <si>
    <t>• Uterine cervical aplasia and agenesis</t>
  </si>
  <si>
    <t>• Rare vaginal malformation</t>
  </si>
  <si>
    <t>• Vaginal atresia</t>
  </si>
  <si>
    <t>• Isolated partial vaginal agenesis</t>
  </si>
  <si>
    <t>• Septate vagina</t>
  </si>
  <si>
    <t>• Longitudinal vaginal septum</t>
  </si>
  <si>
    <t>• Transverse vaginal septum</t>
  </si>
  <si>
    <t>• Nonsyndromic urogenital tract malformation of male</t>
  </si>
  <si>
    <t>• Congenital bilateral absence of vas deferens</t>
  </si>
  <si>
    <t>• Penoscrotal transposition</t>
  </si>
  <si>
    <t>• Familial hypospadias</t>
  </si>
  <si>
    <t>• Diphallia</t>
  </si>
  <si>
    <t>• Severe hypospadias</t>
  </si>
  <si>
    <t>• Isolated micropenis</t>
  </si>
  <si>
    <t>• Nonsyndromic urogenital tract malformation of male and female</t>
  </si>
  <si>
    <t>• Exstrophy-epispadias complex</t>
  </si>
  <si>
    <t>• Epispadias</t>
  </si>
  <si>
    <t>• Cloacal exstrophy</t>
  </si>
  <si>
    <t>• Bladder exstrophy</t>
  </si>
  <si>
    <t>• Atresia of urethra</t>
  </si>
  <si>
    <t>• Duplication of urethra</t>
  </si>
  <si>
    <t>• Congenital primary megaureter</t>
  </si>
  <si>
    <t>• Urachal cyst</t>
  </si>
  <si>
    <t>• Posterior urethral valve</t>
  </si>
  <si>
    <t>• Familial vesicoureteral reflux</t>
  </si>
  <si>
    <t>• Syndromic urogenital tract malformation</t>
  </si>
  <si>
    <t>• Microencephaly - corpus callosum agenesis - abnormal genitalia</t>
  </si>
  <si>
    <t>• Autosomal recessive facio-digito-genital syndrome</t>
  </si>
  <si>
    <t>• CHARGE syndrome</t>
  </si>
  <si>
    <t>• Lethal hemolytic anemia - genital anomalies</t>
  </si>
  <si>
    <t>• IMAGe syndrome</t>
  </si>
  <si>
    <t>• Prune belly syndrome</t>
  </si>
  <si>
    <t>• Partial prune belly syndrome</t>
  </si>
  <si>
    <t>• Caudal regression sequence</t>
  </si>
  <si>
    <t>• Myopathy - growth delay - intellectual deficit - hypospadias</t>
  </si>
  <si>
    <t>• Spina bifida - hypospadias</t>
  </si>
  <si>
    <t>• Renal dysplasia - megalocystis - sirenomelia</t>
  </si>
  <si>
    <t>• Tracheo-esophageal fistula - hypospadias</t>
  </si>
  <si>
    <t>• Hypertelorism - hypospadias - polysyndactyly syndrome</t>
  </si>
  <si>
    <t>• Radial hypoplasia - triphalangeal thumbs - hypospadias - maxillary diastema</t>
  </si>
  <si>
    <t>• Hypospadias - intellectual deficit, Goldblatt type</t>
  </si>
  <si>
    <t>• Schilbach-Rott syndrome</t>
  </si>
  <si>
    <t>• Split hand - urinary anomalies - spina bifida</t>
  </si>
  <si>
    <t>• Lower limb deficiency - hypospadias</t>
  </si>
  <si>
    <t>• Mullerian duct anomalies - limb anomalies</t>
  </si>
  <si>
    <t>• Nephrosis - deafness - urinary tract - digital malformations</t>
  </si>
  <si>
    <t>• Guttmacher syndrome</t>
  </si>
  <si>
    <t>• Deafness - genital anomalies - metacarpal and metatarsal synostosis</t>
  </si>
  <si>
    <t>• Opitz G/BBB syndrome</t>
  </si>
  <si>
    <t>• Autosomal dominant Opitz G/BBB syndrome</t>
  </si>
  <si>
    <t>• X-linked Opitz G/BBB syndrome</t>
  </si>
  <si>
    <t>• Double uterus - hemivagina - renal agenesis</t>
  </si>
  <si>
    <t>• Spondylocostal dysostosis - anal and genitourinary malformations</t>
  </si>
  <si>
    <t>• Juberg-Marsidi syndrome</t>
  </si>
  <si>
    <t>• Aarskog-Scott syndrome</t>
  </si>
  <si>
    <t>• Vasquez-Hurst-Sotos syndrome</t>
  </si>
  <si>
    <t>• Torticollis - keloids - cryptorchidism - renal dysplasia</t>
  </si>
  <si>
    <t>• Abruzzo-Erickson syndrome</t>
  </si>
  <si>
    <t>• Branchio-skeleto-genital syndrome</t>
  </si>
  <si>
    <t>• 48,XYYY syndrome</t>
  </si>
  <si>
    <t>• 8p23.1 microdeletion syndrome</t>
  </si>
  <si>
    <t>• Hinman's syndrome</t>
  </si>
  <si>
    <t>• Rare urogenital tumor</t>
  </si>
  <si>
    <t>• Testicular seminoma</t>
  </si>
  <si>
    <t>• Classic seminoma</t>
  </si>
  <si>
    <t>• Spermatocytic seminoma</t>
  </si>
  <si>
    <t>• Metastatic spermatocytic seminoma</t>
  </si>
  <si>
    <t>• Rare urinary tract tumor</t>
  </si>
  <si>
    <t>• Familial prostate cancer</t>
  </si>
  <si>
    <t>• Non-papillary transitional cell carcinoma of the bladder</t>
  </si>
  <si>
    <t>• Small cell carcinoma of the bladder</t>
  </si>
  <si>
    <t>• Postorgasmic illness syndrome</t>
  </si>
  <si>
    <t>Fachgesellschaft (FG) für:</t>
  </si>
  <si>
    <t>Name:</t>
  </si>
  <si>
    <t xml:space="preserve">Institution: </t>
  </si>
  <si>
    <t>Nr.</t>
  </si>
  <si>
    <t>ORPHA Code</t>
  </si>
  <si>
    <r>
      <t xml:space="preserve">SE betrifft das oben genannte Fach </t>
    </r>
    <r>
      <rPr>
        <b/>
        <sz val="10"/>
        <color theme="0"/>
        <rFont val="Calibri"/>
        <family val="2"/>
        <scheme val="minor"/>
      </rPr>
      <t xml:space="preserve">                      (bitte ankreuzen)</t>
    </r>
  </si>
  <si>
    <t>Weitere Anmerkungen</t>
  </si>
  <si>
    <r>
      <rPr>
        <b/>
        <sz val="12"/>
        <color theme="0"/>
        <rFont val="Calibri"/>
        <family val="2"/>
        <scheme val="minor"/>
      </rPr>
      <t>Seltene urogenitale Erkrankungen</t>
    </r>
    <r>
      <rPr>
        <b/>
        <sz val="11"/>
        <color theme="0"/>
        <rFont val="Calibri"/>
        <family val="2"/>
        <scheme val="minor"/>
      </rPr>
      <t xml:space="preserve">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  <r>
      <rPr>
        <b/>
        <sz val="10"/>
        <color theme="0"/>
        <rFont val="Calibri"/>
        <family val="2"/>
        <scheme val="minor"/>
      </rPr>
      <t>Orphanet-Klassifikationsbaum mit sämtlichen zugeordneten Erkrankungen / Entitäten (inklusive Synonyme)                                                                                                                                                                                                                                                                                 (Daten-Extraktion 17/05/2013)</t>
    </r>
  </si>
  <si>
    <t>(bitte in nachfolgende Zeilen eintragen)</t>
  </si>
  <si>
    <t>Ergänzende und/oder alternative Vorschläge zur Klassifikation / Gruppierung von seltenen urogenitalen Erkrankungen</t>
  </si>
  <si>
    <r>
      <t xml:space="preserve">Für Klassifikation / Gruppierung von SE geeignet </t>
    </r>
    <r>
      <rPr>
        <b/>
        <sz val="10"/>
        <color theme="0"/>
        <rFont val="Calibri"/>
        <family val="2"/>
        <scheme val="minor"/>
      </rPr>
      <t xml:space="preserve">                      (bitte ankreuzen)</t>
    </r>
  </si>
  <si>
    <r>
      <rPr>
        <b/>
        <sz val="12"/>
        <color theme="0"/>
        <rFont val="Calibri"/>
        <family val="2"/>
        <scheme val="minor"/>
      </rPr>
      <t>Seltene urogenitale Erkrankungen</t>
    </r>
    <r>
      <rPr>
        <b/>
        <sz val="11"/>
        <color theme="0"/>
        <rFont val="Calibri"/>
        <family val="2"/>
        <scheme val="minor"/>
      </rPr>
      <t xml:space="preserve">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  <r>
      <rPr>
        <b/>
        <sz val="10"/>
        <color theme="0"/>
        <rFont val="Calibri"/>
        <family val="2"/>
        <scheme val="minor"/>
      </rPr>
      <t>Darstellung der ersten Hierarchiestufe im Orphanet-Klassifikationsbaum                                                                                                                                                                                                                                                                                 (Daten-Extraktion 17/05/2013)</t>
    </r>
  </si>
  <si>
    <r>
      <t>©</t>
    </r>
    <r>
      <rPr>
        <sz val="9.9"/>
        <color theme="1"/>
        <rFont val="Arial"/>
        <family val="2"/>
      </rPr>
      <t xml:space="preserve"> Orphanet / Orphanet Austria / NKSE 2013</t>
    </r>
  </si>
</sst>
</file>

<file path=xl/styles.xml><?xml version="1.0" encoding="utf-8"?>
<styleSheet xmlns="http://schemas.openxmlformats.org/spreadsheetml/2006/main">
  <numFmts count="1">
    <numFmt numFmtId="164" formatCode="###0;###0"/>
  </numFmts>
  <fonts count="14">
    <font>
      <sz val="11"/>
      <color theme="1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0"/>
      <color theme="1"/>
      <name val="Arial"/>
      <family val="2"/>
    </font>
    <font>
      <sz val="8"/>
      <color theme="1"/>
      <name val="Arial"/>
      <family val="2"/>
    </font>
    <font>
      <b/>
      <sz val="16"/>
      <color theme="1"/>
      <name val="Calibri"/>
      <family val="2"/>
      <scheme val="minor"/>
    </font>
    <font>
      <sz val="14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2"/>
      <color theme="0"/>
      <name val="Calibri"/>
      <family val="2"/>
      <scheme val="minor"/>
    </font>
    <font>
      <b/>
      <sz val="10"/>
      <color theme="0"/>
      <name val="Calibri"/>
      <family val="2"/>
      <scheme val="minor"/>
    </font>
    <font>
      <sz val="10"/>
      <color indexed="63"/>
      <name val="Arial"/>
      <family val="2"/>
    </font>
    <font>
      <b/>
      <sz val="10"/>
      <color theme="1"/>
      <name val="Arial"/>
      <family val="2"/>
    </font>
    <font>
      <sz val="10"/>
      <color theme="0"/>
      <name val="Arial"/>
      <family val="2"/>
    </font>
    <font>
      <sz val="11"/>
      <color theme="1"/>
      <name val="Arial"/>
      <family val="2"/>
    </font>
    <font>
      <sz val="9.9"/>
      <color theme="1"/>
      <name val="Arial"/>
      <family val="2"/>
    </font>
  </fonts>
  <fills count="6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 tint="-0.34998626667073579"/>
        <bgColor indexed="64"/>
      </patternFill>
    </fill>
    <fill>
      <patternFill patternType="solid">
        <fgColor rgb="FFBDC8E6"/>
        <bgColor indexed="64"/>
      </patternFill>
    </fill>
  </fills>
  <borders count="4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thin">
        <color indexed="64"/>
      </right>
      <top/>
      <bottom style="medium">
        <color auto="1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medium">
        <color auto="1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auto="1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rgb="FF231F20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 style="thin">
        <color rgb="FF231F20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00">
    <xf numFmtId="0" fontId="0" fillId="0" borderId="0" xfId="0"/>
    <xf numFmtId="0" fontId="0" fillId="2" borderId="0" xfId="0" applyFill="1" applyProtection="1"/>
    <xf numFmtId="0" fontId="3" fillId="2" borderId="0" xfId="0" applyFont="1" applyFill="1" applyAlignment="1" applyProtection="1">
      <alignment horizontal="center"/>
    </xf>
    <xf numFmtId="0" fontId="0" fillId="2" borderId="0" xfId="0" applyFill="1" applyAlignment="1" applyProtection="1">
      <alignment horizontal="center"/>
    </xf>
    <xf numFmtId="0" fontId="3" fillId="3" borderId="1" xfId="0" applyFont="1" applyFill="1" applyBorder="1" applyAlignment="1" applyProtection="1">
      <alignment horizontal="center"/>
    </xf>
    <xf numFmtId="0" fontId="0" fillId="3" borderId="2" xfId="0" applyFill="1" applyBorder="1" applyProtection="1"/>
    <xf numFmtId="0" fontId="0" fillId="3" borderId="2" xfId="0" applyFill="1" applyBorder="1" applyAlignment="1" applyProtection="1"/>
    <xf numFmtId="0" fontId="0" fillId="2" borderId="1" xfId="0" applyFill="1" applyBorder="1" applyAlignment="1" applyProtection="1"/>
    <xf numFmtId="0" fontId="0" fillId="2" borderId="2" xfId="0" applyFill="1" applyBorder="1" applyAlignment="1" applyProtection="1"/>
    <xf numFmtId="0" fontId="0" fillId="2" borderId="3" xfId="0" applyFill="1" applyBorder="1" applyAlignment="1" applyProtection="1"/>
    <xf numFmtId="0" fontId="4" fillId="2" borderId="0" xfId="0" applyFont="1" applyFill="1" applyProtection="1"/>
    <xf numFmtId="0" fontId="4" fillId="3" borderId="4" xfId="0" applyFont="1" applyFill="1" applyBorder="1" applyAlignment="1" applyProtection="1">
      <alignment horizontal="left"/>
    </xf>
    <xf numFmtId="0" fontId="4" fillId="3" borderId="0" xfId="0" applyFont="1" applyFill="1" applyBorder="1" applyProtection="1"/>
    <xf numFmtId="0" fontId="4" fillId="3" borderId="0" xfId="0" applyFont="1" applyFill="1" applyBorder="1" applyAlignment="1" applyProtection="1"/>
    <xf numFmtId="0" fontId="0" fillId="3" borderId="0" xfId="0" applyFill="1" applyBorder="1" applyAlignment="1" applyProtection="1"/>
    <xf numFmtId="0" fontId="4" fillId="3" borderId="8" xfId="0" applyFont="1" applyFill="1" applyBorder="1" applyAlignment="1" applyProtection="1">
      <alignment horizontal="center"/>
    </xf>
    <xf numFmtId="0" fontId="4" fillId="3" borderId="9" xfId="0" applyFont="1" applyFill="1" applyBorder="1" applyProtection="1"/>
    <xf numFmtId="0" fontId="4" fillId="3" borderId="9" xfId="0" applyFont="1" applyFill="1" applyBorder="1" applyAlignment="1" applyProtection="1"/>
    <xf numFmtId="0" fontId="0" fillId="3" borderId="9" xfId="0" applyFill="1" applyBorder="1" applyAlignment="1" applyProtection="1"/>
    <xf numFmtId="0" fontId="0" fillId="2" borderId="8" xfId="0" applyFill="1" applyBorder="1" applyAlignment="1" applyProtection="1"/>
    <xf numFmtId="0" fontId="0" fillId="2" borderId="10" xfId="0" applyFill="1" applyBorder="1" applyAlignment="1" applyProtection="1"/>
    <xf numFmtId="0" fontId="0" fillId="2" borderId="11" xfId="0" applyFill="1" applyBorder="1" applyAlignment="1" applyProtection="1"/>
    <xf numFmtId="0" fontId="0" fillId="2" borderId="0" xfId="0" applyFill="1" applyAlignment="1" applyProtection="1"/>
    <xf numFmtId="0" fontId="5" fillId="2" borderId="0" xfId="0" applyFont="1" applyFill="1" applyAlignment="1" applyProtection="1">
      <alignment vertical="center"/>
    </xf>
    <xf numFmtId="0" fontId="6" fillId="2" borderId="0" xfId="0" applyFont="1" applyFill="1" applyAlignment="1" applyProtection="1">
      <alignment vertical="top" wrapText="1"/>
    </xf>
    <xf numFmtId="0" fontId="7" fillId="4" borderId="17" xfId="0" applyFont="1" applyFill="1" applyBorder="1" applyAlignment="1" applyProtection="1">
      <alignment horizontal="center" vertical="top" wrapText="1"/>
    </xf>
    <xf numFmtId="0" fontId="7" fillId="4" borderId="18" xfId="0" applyFont="1" applyFill="1" applyBorder="1" applyAlignment="1" applyProtection="1">
      <alignment horizontal="center" vertical="top" wrapText="1"/>
    </xf>
    <xf numFmtId="0" fontId="6" fillId="4" borderId="19" xfId="0" applyFont="1" applyFill="1" applyBorder="1" applyAlignment="1" applyProtection="1">
      <alignment vertical="top" wrapText="1"/>
    </xf>
    <xf numFmtId="0" fontId="1" fillId="4" borderId="21" xfId="0" applyFont="1" applyFill="1" applyBorder="1" applyAlignment="1" applyProtection="1">
      <alignment horizontal="center" vertical="top" wrapText="1"/>
    </xf>
    <xf numFmtId="0" fontId="1" fillId="4" borderId="22" xfId="0" applyFont="1" applyFill="1" applyBorder="1" applyAlignment="1" applyProtection="1">
      <alignment horizontal="center" vertical="top" wrapText="1"/>
    </xf>
    <xf numFmtId="164" fontId="9" fillId="5" borderId="16" xfId="0" applyNumberFormat="1" applyFont="1" applyFill="1" applyBorder="1" applyAlignment="1" applyProtection="1">
      <alignment horizontal="left" vertical="center" wrapText="1"/>
    </xf>
    <xf numFmtId="164" fontId="9" fillId="5" borderId="25" xfId="0" applyNumberFormat="1" applyFont="1" applyFill="1" applyBorder="1" applyAlignment="1" applyProtection="1">
      <alignment horizontal="left" vertical="center" wrapText="1"/>
    </xf>
    <xf numFmtId="164" fontId="9" fillId="5" borderId="28" xfId="0" applyNumberFormat="1" applyFont="1" applyFill="1" applyBorder="1" applyAlignment="1" applyProtection="1">
      <alignment horizontal="left" vertical="center" wrapText="1"/>
    </xf>
    <xf numFmtId="0" fontId="5" fillId="3" borderId="13" xfId="0" applyFont="1" applyFill="1" applyBorder="1" applyAlignment="1" applyProtection="1">
      <alignment vertical="center"/>
    </xf>
    <xf numFmtId="0" fontId="0" fillId="3" borderId="13" xfId="0" applyFill="1" applyBorder="1" applyAlignment="1" applyProtection="1">
      <alignment vertical="center"/>
    </xf>
    <xf numFmtId="0" fontId="2" fillId="2" borderId="0" xfId="0" applyFont="1" applyFill="1" applyAlignment="1" applyProtection="1">
      <alignment vertical="center"/>
    </xf>
    <xf numFmtId="0" fontId="2" fillId="2" borderId="24" xfId="0" applyFont="1" applyFill="1" applyBorder="1" applyAlignment="1" applyProtection="1">
      <alignment horizontal="center" vertical="center"/>
    </xf>
    <xf numFmtId="164" fontId="9" fillId="4" borderId="34" xfId="0" applyNumberFormat="1" applyFont="1" applyFill="1" applyBorder="1" applyAlignment="1" applyProtection="1">
      <alignment horizontal="left" vertical="center" wrapText="1"/>
    </xf>
    <xf numFmtId="0" fontId="11" fillId="4" borderId="1" xfId="0" applyFont="1" applyFill="1" applyBorder="1" applyAlignment="1" applyProtection="1">
      <alignment vertical="center"/>
    </xf>
    <xf numFmtId="164" fontId="9" fillId="4" borderId="37" xfId="0" applyNumberFormat="1" applyFont="1" applyFill="1" applyBorder="1" applyAlignment="1" applyProtection="1">
      <alignment horizontal="left" vertical="center" wrapText="1"/>
    </xf>
    <xf numFmtId="0" fontId="2" fillId="4" borderId="8" xfId="0" applyFont="1" applyFill="1" applyBorder="1" applyAlignment="1" applyProtection="1">
      <alignment vertical="center"/>
    </xf>
    <xf numFmtId="164" fontId="9" fillId="5" borderId="41" xfId="0" applyNumberFormat="1" applyFont="1" applyFill="1" applyBorder="1" applyAlignment="1" applyProtection="1">
      <alignment horizontal="left" vertical="center" wrapText="1"/>
    </xf>
    <xf numFmtId="49" fontId="2" fillId="2" borderId="13" xfId="0" applyNumberFormat="1" applyFont="1" applyFill="1" applyBorder="1" applyAlignment="1" applyProtection="1">
      <alignment vertical="center"/>
    </xf>
    <xf numFmtId="0" fontId="2" fillId="2" borderId="32" xfId="0" applyFont="1" applyFill="1" applyBorder="1" applyAlignment="1" applyProtection="1">
      <alignment vertical="center"/>
      <protection locked="0"/>
    </xf>
    <xf numFmtId="0" fontId="2" fillId="2" borderId="42" xfId="0" applyFont="1" applyFill="1" applyBorder="1" applyAlignment="1" applyProtection="1">
      <alignment vertical="center"/>
      <protection locked="0"/>
    </xf>
    <xf numFmtId="0" fontId="2" fillId="2" borderId="24" xfId="0" applyFont="1" applyFill="1" applyBorder="1" applyAlignment="1" applyProtection="1">
      <alignment vertical="center"/>
    </xf>
    <xf numFmtId="0" fontId="2" fillId="2" borderId="13" xfId="0" applyFont="1" applyFill="1" applyBorder="1" applyAlignment="1" applyProtection="1">
      <alignment vertical="center"/>
    </xf>
    <xf numFmtId="0" fontId="2" fillId="2" borderId="27" xfId="0" applyFont="1" applyFill="1" applyBorder="1" applyAlignment="1" applyProtection="1">
      <alignment horizontal="center" vertical="center"/>
    </xf>
    <xf numFmtId="164" fontId="9" fillId="5" borderId="43" xfId="0" applyNumberFormat="1" applyFont="1" applyFill="1" applyBorder="1" applyAlignment="1" applyProtection="1">
      <alignment horizontal="left" vertical="center" wrapText="1"/>
    </xf>
    <xf numFmtId="49" fontId="2" fillId="2" borderId="29" xfId="0" applyNumberFormat="1" applyFont="1" applyFill="1" applyBorder="1" applyAlignment="1" applyProtection="1">
      <alignment vertical="center"/>
    </xf>
    <xf numFmtId="0" fontId="2" fillId="2" borderId="33" xfId="0" applyFont="1" applyFill="1" applyBorder="1" applyAlignment="1" applyProtection="1">
      <alignment vertical="center"/>
      <protection locked="0"/>
    </xf>
    <xf numFmtId="0" fontId="2" fillId="2" borderId="46" xfId="0" applyFont="1" applyFill="1" applyBorder="1" applyAlignment="1" applyProtection="1">
      <alignment vertical="center"/>
      <protection locked="0"/>
    </xf>
    <xf numFmtId="0" fontId="7" fillId="4" borderId="15" xfId="0" applyFont="1" applyFill="1" applyBorder="1" applyAlignment="1" applyProtection="1">
      <alignment horizontal="center" vertical="top" wrapText="1"/>
    </xf>
    <xf numFmtId="0" fontId="7" fillId="4" borderId="16" xfId="0" applyFont="1" applyFill="1" applyBorder="1" applyAlignment="1" applyProtection="1">
      <alignment horizontal="center" vertical="top" wrapText="1"/>
    </xf>
    <xf numFmtId="0" fontId="6" fillId="4" borderId="47" xfId="0" applyFont="1" applyFill="1" applyBorder="1" applyAlignment="1" applyProtection="1">
      <alignment vertical="top" wrapText="1"/>
    </xf>
    <xf numFmtId="0" fontId="1" fillId="4" borderId="11" xfId="0" applyFont="1" applyFill="1" applyBorder="1" applyAlignment="1" applyProtection="1">
      <alignment horizontal="center" vertical="top" wrapText="1"/>
    </xf>
    <xf numFmtId="0" fontId="1" fillId="4" borderId="48" xfId="0" applyFont="1" applyFill="1" applyBorder="1" applyAlignment="1" applyProtection="1">
      <alignment horizontal="center" vertical="top" wrapText="1"/>
    </xf>
    <xf numFmtId="0" fontId="5" fillId="3" borderId="12" xfId="0" applyFont="1" applyFill="1" applyBorder="1" applyAlignment="1" applyProtection="1">
      <alignment vertical="center"/>
    </xf>
    <xf numFmtId="0" fontId="5" fillId="3" borderId="13" xfId="0" applyFont="1" applyFill="1" applyBorder="1" applyAlignment="1" applyProtection="1">
      <alignment vertical="center"/>
    </xf>
    <xf numFmtId="0" fontId="0" fillId="3" borderId="13" xfId="0" applyFill="1" applyBorder="1" applyAlignment="1" applyProtection="1">
      <alignment vertical="center"/>
    </xf>
    <xf numFmtId="0" fontId="1" fillId="4" borderId="20" xfId="0" applyFont="1" applyFill="1" applyBorder="1" applyAlignment="1" applyProtection="1">
      <alignment vertical="top" wrapText="1"/>
    </xf>
    <xf numFmtId="0" fontId="0" fillId="4" borderId="20" xfId="0" applyFill="1" applyBorder="1" applyAlignment="1" applyProtection="1">
      <alignment vertical="top" wrapText="1"/>
    </xf>
    <xf numFmtId="0" fontId="0" fillId="4" borderId="21" xfId="0" applyFill="1" applyBorder="1" applyAlignment="1" applyProtection="1">
      <alignment vertical="top" wrapText="1"/>
    </xf>
    <xf numFmtId="0" fontId="1" fillId="4" borderId="10" xfId="0" applyFont="1" applyFill="1" applyBorder="1" applyAlignment="1" applyProtection="1">
      <alignment vertical="top" wrapText="1"/>
    </xf>
    <xf numFmtId="0" fontId="0" fillId="4" borderId="10" xfId="0" applyFill="1" applyBorder="1" applyAlignment="1" applyProtection="1">
      <alignment vertical="top" wrapText="1"/>
    </xf>
    <xf numFmtId="0" fontId="0" fillId="4" borderId="11" xfId="0" applyFill="1" applyBorder="1" applyAlignment="1" applyProtection="1">
      <alignment vertical="top" wrapText="1"/>
    </xf>
    <xf numFmtId="49" fontId="7" fillId="4" borderId="2" xfId="0" applyNumberFormat="1" applyFont="1" applyFill="1" applyBorder="1" applyAlignment="1" applyProtection="1">
      <alignment vertical="top" wrapText="1"/>
    </xf>
    <xf numFmtId="49" fontId="8" fillId="4" borderId="9" xfId="0" applyNumberFormat="1" applyFont="1" applyFill="1" applyBorder="1" applyAlignment="1" applyProtection="1">
      <alignment vertical="top" wrapText="1"/>
    </xf>
    <xf numFmtId="0" fontId="0" fillId="2" borderId="5" xfId="0" applyFill="1" applyBorder="1" applyAlignment="1" applyProtection="1">
      <protection locked="0"/>
    </xf>
    <xf numFmtId="0" fontId="0" fillId="0" borderId="6" xfId="0" applyBorder="1" applyAlignment="1" applyProtection="1">
      <protection locked="0"/>
    </xf>
    <xf numFmtId="0" fontId="0" fillId="0" borderId="7" xfId="0" applyBorder="1" applyAlignment="1" applyProtection="1">
      <protection locked="0"/>
    </xf>
    <xf numFmtId="0" fontId="0" fillId="2" borderId="12" xfId="0" applyFill="1" applyBorder="1" applyAlignment="1" applyProtection="1">
      <alignment vertical="center"/>
      <protection locked="0"/>
    </xf>
    <xf numFmtId="0" fontId="0" fillId="0" borderId="13" xfId="0" applyBorder="1" applyAlignment="1" applyProtection="1">
      <alignment vertical="center"/>
      <protection locked="0"/>
    </xf>
    <xf numFmtId="0" fontId="0" fillId="0" borderId="14" xfId="0" applyBorder="1" applyAlignment="1" applyProtection="1">
      <alignment vertical="center"/>
      <protection locked="0"/>
    </xf>
    <xf numFmtId="0" fontId="0" fillId="2" borderId="31" xfId="0" applyFill="1" applyBorder="1" applyProtection="1">
      <protection locked="0"/>
    </xf>
    <xf numFmtId="0" fontId="0" fillId="2" borderId="23" xfId="0" applyFill="1" applyBorder="1" applyProtection="1">
      <protection locked="0"/>
    </xf>
    <xf numFmtId="0" fontId="0" fillId="2" borderId="32" xfId="0" applyFill="1" applyBorder="1" applyProtection="1">
      <protection locked="0"/>
    </xf>
    <xf numFmtId="0" fontId="0" fillId="2" borderId="26" xfId="0" applyFill="1" applyBorder="1" applyProtection="1">
      <protection locked="0"/>
    </xf>
    <xf numFmtId="0" fontId="0" fillId="2" borderId="33" xfId="0" applyFill="1" applyBorder="1" applyProtection="1">
      <protection locked="0"/>
    </xf>
    <xf numFmtId="0" fontId="0" fillId="2" borderId="30" xfId="0" applyFill="1" applyBorder="1" applyProtection="1">
      <protection locked="0"/>
    </xf>
    <xf numFmtId="0" fontId="0" fillId="2" borderId="15" xfId="0" applyFill="1" applyBorder="1" applyProtection="1"/>
    <xf numFmtId="0" fontId="2" fillId="2" borderId="10" xfId="0" applyFont="1" applyFill="1" applyBorder="1" applyAlignment="1" applyProtection="1">
      <alignment vertical="center"/>
    </xf>
    <xf numFmtId="49" fontId="10" fillId="2" borderId="10" xfId="0" applyNumberFormat="1" applyFont="1" applyFill="1" applyBorder="1" applyAlignment="1" applyProtection="1">
      <alignment vertical="center"/>
    </xf>
    <xf numFmtId="49" fontId="2" fillId="2" borderId="10" xfId="0" applyNumberFormat="1" applyFont="1" applyFill="1" applyBorder="1" applyAlignment="1" applyProtection="1">
      <alignment vertical="center"/>
    </xf>
    <xf numFmtId="0" fontId="0" fillId="2" borderId="24" xfId="0" applyFill="1" applyBorder="1" applyProtection="1"/>
    <xf numFmtId="0" fontId="0" fillId="2" borderId="27" xfId="0" applyFill="1" applyBorder="1" applyProtection="1"/>
    <xf numFmtId="0" fontId="2" fillId="2" borderId="29" xfId="0" applyFont="1" applyFill="1" applyBorder="1" applyAlignment="1" applyProtection="1">
      <alignment vertical="center"/>
    </xf>
    <xf numFmtId="0" fontId="12" fillId="2" borderId="0" xfId="0" applyFont="1" applyFill="1" applyProtection="1"/>
    <xf numFmtId="0" fontId="2" fillId="2" borderId="12" xfId="0" applyFont="1" applyFill="1" applyBorder="1" applyAlignment="1" applyProtection="1">
      <alignment vertical="center"/>
      <protection locked="0"/>
    </xf>
    <xf numFmtId="0" fontId="2" fillId="2" borderId="44" xfId="0" applyFont="1" applyFill="1" applyBorder="1" applyAlignment="1" applyProtection="1">
      <alignment vertical="center"/>
      <protection locked="0"/>
    </xf>
    <xf numFmtId="0" fontId="0" fillId="0" borderId="29" xfId="0" applyBorder="1" applyAlignment="1" applyProtection="1">
      <alignment vertical="center"/>
      <protection locked="0"/>
    </xf>
    <xf numFmtId="0" fontId="0" fillId="0" borderId="45" xfId="0" applyBorder="1" applyAlignment="1" applyProtection="1">
      <alignment vertical="center"/>
      <protection locked="0"/>
    </xf>
    <xf numFmtId="0" fontId="1" fillId="4" borderId="2" xfId="0" applyFont="1" applyFill="1" applyBorder="1" applyAlignment="1" applyProtection="1">
      <alignment vertical="top" wrapText="1"/>
    </xf>
    <xf numFmtId="0" fontId="1" fillId="4" borderId="3" xfId="0" applyFont="1" applyFill="1" applyBorder="1" applyAlignment="1" applyProtection="1">
      <alignment vertical="top" wrapText="1"/>
    </xf>
    <xf numFmtId="0" fontId="2" fillId="4" borderId="35" xfId="0" applyFont="1" applyFill="1" applyBorder="1" applyAlignment="1" applyProtection="1">
      <alignment vertical="center"/>
    </xf>
    <xf numFmtId="0" fontId="2" fillId="4" borderId="36" xfId="0" applyFont="1" applyFill="1" applyBorder="1" applyAlignment="1" applyProtection="1">
      <alignment vertical="center"/>
    </xf>
    <xf numFmtId="0" fontId="1" fillId="4" borderId="9" xfId="0" applyFont="1" applyFill="1" applyBorder="1" applyAlignment="1" applyProtection="1">
      <alignment vertical="top" wrapText="1"/>
    </xf>
    <xf numFmtId="0" fontId="1" fillId="4" borderId="38" xfId="0" applyFont="1" applyFill="1" applyBorder="1" applyAlignment="1" applyProtection="1">
      <alignment vertical="top" wrapText="1"/>
    </xf>
    <xf numFmtId="0" fontId="2" fillId="4" borderId="39" xfId="0" applyFont="1" applyFill="1" applyBorder="1" applyAlignment="1" applyProtection="1">
      <alignment vertical="center"/>
    </xf>
    <xf numFmtId="0" fontId="2" fillId="4" borderId="40" xfId="0" applyFont="1" applyFill="1" applyBorder="1" applyAlignment="1" applyProtection="1">
      <alignment vertical="center"/>
    </xf>
  </cellXfs>
  <cellStyles count="1">
    <cellStyle name="Standard" xfId="0" builtinId="0"/>
  </cellStyles>
  <dxfs count="0"/>
  <tableStyles count="0" defaultTableStyle="TableStyleMedium9" defaultPivotStyle="PivotStyleLight16"/>
</styleSheet>
</file>

<file path=xl/xmlMaps.xml><?xml version="1.0" encoding="utf-8"?>
<MapInfo xmlns="http://schemas.openxmlformats.org/spreadsheetml/2006/main" SelectionNamespaces="">
  <Schema ID="Schema1">
    <xsd:schema xmlns:xsd="http://www.w3.org/2001/XMLSchema" xmlns="">
      <xsd:element nillable="true" name="JDBOR">
        <xsd:complexType>
          <xsd:sequence minOccurs="0">
            <xsd:element minOccurs="0" nillable="true" name="DisorderList" form="unqualified">
              <xsd:complexType>
                <xsd:sequence minOccurs="0">
                  <xsd:element minOccurs="0" nillable="true" name="Disorder" form="unqualified">
                    <xsd:complexType>
                      <xsd:sequence minOccurs="0">
                        <xsd:element minOccurs="0" nillable="true" type="xsd:integer" name="OrphaNumber" form="unqualified"/>
                        <xsd:element minOccurs="0" nillable="true" name="ExpertLink" form="unqualified">
                          <xsd:complexType>
                            <xsd:simpleContent>
                              <xsd:extension base="xsd:anyURI">
                                <xsd:attribute name="lang" form="unqualified" type="xsd:string"/>
                              </xsd:extension>
                            </xsd:simpleContent>
                          </xsd:complexType>
                        </xsd:element>
                        <xsd:element minOccurs="0" nillable="true" name="Name" form="unqualified">
                          <xsd:complexType>
                            <xsd:simpleContent>
                              <xsd:extension base="xsd:string">
                                <xsd:attribute name="lang" form="unqualified" type="xsd:string"/>
                              </xsd:extension>
                            </xsd:simpleContent>
                          </xsd:complexType>
                        </xsd:element>
                        <xsd:element minOccurs="0" nillable="true" name="ClassificationNodeList" form="unqualified">
                          <xsd:complexType>
                            <xsd:sequence minOccurs="0">
                              <xsd:element minOccurs="0" nillable="true" name="ClassificationNode" form="unqualified">
                                <xsd:complexType>
                                  <xsd:sequence minOccurs="0">
                                    <xsd:element minOccurs="0" nillable="true" name="ClassificationNodeChildList" form="unqualified">
                                      <xsd:complexType>
                                        <xsd:sequence minOccurs="0">
                                          <xsd:element minOccurs="0" maxOccurs="unbounded" nillable="true" name="ClassificationNode" form="unqualified">
                                            <xsd:complexType>
                                              <xsd:sequence minOccurs="0">
                                                <xsd:element minOccurs="0" nillable="true" name="Disorder" form="unqualified">
                                                  <xsd:complexType>
                                                    <xsd:sequence minOccurs="0">
                                                      <xsd:element minOccurs="0" nillable="true" type="xsd:integer" name="OrphaNumber" form="unqualified"/>
                                                      <xsd:element minOccurs="0" nillable="true" name="ExpertLink" form="unqualified">
                                                        <xsd:complexType>
                                                          <xsd:simpleContent>
                                                            <xsd:extension base="xsd:anyURI">
                                                              <xsd:attribute name="lang" form="unqualified" type="xsd:string"/>
                                                            </xsd:extension>
                                                          </xsd:simpleContent>
                                                        </xsd:complexType>
                                                      </xsd:element>
                                                      <xsd:element minOccurs="0" nillable="true" name="Name" form="unqualified">
                                                        <xsd:complexType>
                                                          <xsd:simpleContent>
                                                            <xsd:extension base="xsd:string">
                                                              <xsd:attribute name="lang" form="unqualified" type="xsd:string"/>
                                                            </xsd:extension>
                                                          </xsd:simpleContent>
                                                        </xsd:complexType>
                                                      </xsd:element>
                                                    </xsd:sequence>
                                                    <xsd:attribute name="id" form="unqualified" type="xsd:integer"/>
                                                  </xsd:complexType>
                                                </xsd:element>
                                                <xsd:element minOccurs="0" nillable="true" name="ClassificationNodeChildList" form="unqualified">
                                                  <xsd:complexType>
                                                    <xsd:sequence minOccurs="0">
                                                      <xsd:element minOccurs="0" maxOccurs="unbounded" nillable="true" name="ClassificationNode" form="unqualified">
                                                        <xsd:complexType>
                                                          <xsd:sequence minOccurs="0">
                                                            <xsd:element minOccurs="0" nillable="true" name="Disorder" form="unqualified">
                                                              <xsd:complexType>
                                                                <xsd:sequence minOccurs="0">
                                                                  <xsd:element minOccurs="0" nillable="true" type="xsd:integer" name="OrphaNumber" form="unqualified"/>
                                                                  <xsd:element minOccurs="0" nillable="true" name="ExpertLink" form="unqualified">
                                                                    <xsd:complexType>
                                                                      <xsd:simpleContent>
                                                                        <xsd:extension base="xsd:anyURI">
                                                                          <xsd:attribute name="lang" form="unqualified" type="xsd:string"/>
                                                                        </xsd:extension>
                                                                      </xsd:simpleContent>
                                                                    </xsd:complexType>
                                                                  </xsd:element>
                                                                  <xsd:element minOccurs="0" nillable="true" name="Name" form="unqualified">
                                                                    <xsd:complexType>
                                                                      <xsd:simpleContent>
                                                                        <xsd:extension base="xsd:string">
                                                                          <xsd:attribute name="lang" form="unqualified" type="xsd:string"/>
                                                                        </xsd:extension>
                                                                      </xsd:simpleContent>
                                                                    </xsd:complexType>
                                                                  </xsd:element>
                                                                </xsd:sequence>
                                                                <xsd:attribute name="id" form="unqualified" type="xsd:integer"/>
                                                              </xsd:complexType>
                                                            </xsd:element>
                                                            <xsd:element minOccurs="0" nillable="true" name="ClassificationNodeChildList" form="unqualified">
                                                              <xsd:complexType>
                                                                <xsd:sequence minOccurs="0">
                                                                  <xsd:element minOccurs="0" maxOccurs="unbounded" nillable="true" name="ClassificationNode" form="unqualified">
                                                                    <xsd:complexType>
                                                                      <xsd:sequence minOccurs="0">
                                                                        <xsd:element minOccurs="0" nillable="true" name="Disorder" form="unqualified">
                                                                          <xsd:complexType>
                                                                            <xsd:sequence minOccurs="0">
                                                                              <xsd:element minOccurs="0" nillable="true" type="xsd:integer" name="OrphaNumber" form="unqualified"/>
                                                                              <xsd:element minOccurs="0" nillable="true" name="ExpertLink" form="unqualified">
                                                                                <xsd:complexType>
                                                                                  <xsd:simpleContent>
                                                                                    <xsd:extension base="xsd:anyURI">
                                                                                      <xsd:attribute name="lang" form="unqualified" type="xsd:string"/>
                                                                                    </xsd:extension>
                                                                                  </xsd:simpleContent>
                                                                                </xsd:complexType>
                                                                              </xsd:element>
                                                                              <xsd:element minOccurs="0" nillable="true" name="Name" form="unqualified">
                                                                                <xsd:complexType>
                                                                                  <xsd:simpleContent>
                                                                                    <xsd:extension base="xsd:string">
                                                                                      <xsd:attribute name="lang" form="unqualified" type="xsd:string"/>
                                                                                    </xsd:extension>
                                                                                  </xsd:simpleContent>
                                                                                </xsd:complexType>
                                                                              </xsd:element>
                                                                            </xsd:sequence>
                                                                            <xsd:attribute name="id" form="unqualified" type="xsd:integer"/>
                                                                          </xsd:complexType>
                                                                        </xsd:element>
                                                                        <xsd:element minOccurs="0" nillable="true" name="ClassificationNodeChildList" form="unqualified">
                                                                          <xsd:complexType>
                                                                            <xsd:sequence minOccurs="0">
                                                                              <xsd:element minOccurs="0" maxOccurs="unbounded" nillable="true" name="ClassificationNode" form="unqualified">
                                                                                <xsd:complexType>
                                                                                  <xsd:sequence minOccurs="0">
                                                                                    <xsd:element minOccurs="0" nillable="true" name="Disorder" form="unqualified">
                                                                                      <xsd:complexType>
                                                                                        <xsd:sequence minOccurs="0">
                                                                                          <xsd:element minOccurs="0" nillable="true" type="xsd:integer" name="OrphaNumber" form="unqualified"/>
                                                                                          <xsd:element minOccurs="0" nillable="true" name="ExpertLink" form="unqualified">
                                                                                            <xsd:complexType>
                                                                                              <xsd:simpleContent>
                                                                                                <xsd:extension base="xsd:anyURI">
                                                                                                  <xsd:attribute name="lang" form="unqualified" type="xsd:string"/>
                                                                                                </xsd:extension>
                                                                                              </xsd:simpleContent>
                                                                                            </xsd:complexType>
                                                                                          </xsd:element>
                                                                                          <xsd:element minOccurs="0" nillable="true" name="Name" form="unqualified">
                                                                                            <xsd:complexType>
                                                                                              <xsd:simpleContent>
                                                                                                <xsd:extension base="xsd:string">
                                                                                                  <xsd:attribute name="lang" form="unqualified" type="xsd:string"/>
                                                                                                </xsd:extension>
                                                                                              </xsd:simpleContent>
                                                                                            </xsd:complexType>
                                                                                          </xsd:element>
                                                                                        </xsd:sequence>
                                                                                        <xsd:attribute name="id" form="unqualified" type="xsd:integer"/>
                                                                                      </xsd:complexType>
                                                                                    </xsd:element>
                                                                                    <xsd:element minOccurs="0" nillable="true" name="ClassificationNodeChildList" form="unqualified">
                                                                                      <xsd:complexType>
                                                                                        <xsd:sequence minOccurs="0">
                                                                                          <xsd:element minOccurs="0" maxOccurs="unbounded" nillable="true" name="ClassificationNode" form="unqualified">
                                                                                            <xsd:complexType>
                                                                                              <xsd:sequence minOccurs="0">
                                                                                                <xsd:element minOccurs="0" nillable="true" name="Disorder" form="unqualified">
                                                                                                  <xsd:complexType>
                                                                                                    <xsd:sequence minOccurs="0">
                                                                                                      <xsd:element minOccurs="0" nillable="true" type="xsd:integer" name="OrphaNumber" form="unqualified"/>
                                                                                                      <xsd:element minOccurs="0" nillable="true" name="ExpertLink" form="unqualified">
                                                                                                        <xsd:complexType>
                                                                                                          <xsd:simpleContent>
                                                                                                            <xsd:extension base="xsd:anyURI">
                                                                                                              <xsd:attribute name="lang" form="unqualified" type="xsd:string"/>
                                                                                                            </xsd:extension>
                                                                                                          </xsd:simpleContent>
                                                                                                        </xsd:complexType>
                                                                                                      </xsd:element>
                                                                                                      <xsd:element minOccurs="0" nillable="true" name="Name" form="unqualified">
                                                                                                        <xsd:complexType>
                                                                                                          <xsd:simpleContent>
                                                                                                            <xsd:extension base="xsd:string">
                                                                                                              <xsd:attribute name="lang" form="unqualified" type="xsd:string"/>
                                                                                                            </xsd:extension>
                                                                                                          </xsd:simpleContent>
                                                                                                        </xsd:complexType>
                                                                                                      </xsd:element>
                                                                                                    </xsd:sequence>
                                                                                                    <xsd:attribute name="id" form="unqualified" type="xsd:integer"/>
                                                                                                  </xsd:complexType>
                                                                                                </xsd:element>
                                                                                                <xsd:element minOccurs="0" nillable="true" name="ClassificationNodeChildList" form="unqualified">
                                                                                                  <xsd:complexType>
                                                                                                    <xsd:sequence minOccurs="0">
                                                                                                      <xsd:element minOccurs="0" maxOccurs="unbounded" nillable="true" name="ClassificationNode" form="unqualified">
                                                                                                        <xsd:complexType>
                                                                                                          <xsd:sequence minOccurs="0">
                                                                                                            <xsd:element minOccurs="0" nillable="true" name="Disorder" form="unqualified">
                                                                                                              <xsd:complexType>
                                                                                                                <xsd:sequence minOccurs="0">
                                                                                                                  <xsd:element minOccurs="0" nillable="true" type="xsd:integer" name="OrphaNumber" form="unqualified"/>
                                                                                                                  <xsd:element minOccurs="0" nillable="true" name="ExpertLink" form="unqualified">
                                                                                                                    <xsd:complexType>
                                                                                                                      <xsd:simpleContent>
                                                                                                                        <xsd:extension base="xsd:anyURI">
                                                                                                                          <xsd:attribute name="lang" form="unqualified" type="xsd:string"/>
                                                                                                                        </xsd:extension>
                                                                                                                      </xsd:simpleContent>
                                                                                                                    </xsd:complexType>
                                                                                                                  </xsd:element>
                                                                                                                  <xsd:element minOccurs="0" nillable="true" name="Name" form="unqualified">
                                                                                                                    <xsd:complexType>
                                                                                                                      <xsd:simpleContent>
                                                                                                                        <xsd:extension base="xsd:string">
                                                                                                                          <xsd:attribute name="lang" form="unqualified" type="xsd:string"/>
                                                                                                                        </xsd:extension>
                                                                                                                      </xsd:simpleContent>
                                                                                                                    </xsd:complexType>
                                                                                                                  </xsd:element>
                                                                                                                </xsd:sequence>
                                                                                                                <xsd:attribute name="id" form="unqualified" type="xsd:integer"/>
                                                                                                              </xsd:complexType>
                                                                                                            </xsd:element>
                                                                                                            <xsd:element minOccurs="0" nillable="true" name="ClassificationNodeChildList" form="unqualified">
                                                                                                              <xsd:complexType>
                                                                                                                <xsd:sequence minOccurs="0">
                                                                                                                  <xsd:element minOccurs="0" maxOccurs="unbounded" nillable="true" name="ClassificationNode" form="unqualified">
                                                                                                                    <xsd:complexType>
                                                                                                                      <xsd:sequence minOccurs="0">
                                                                                                                        <xsd:element minOccurs="0" nillable="true" name="Disorder" form="unqualified">
                                                                                                                          <xsd:complexType>
                                                                                                                            <xsd:sequence minOccurs="0">
                                                                                                                              <xsd:element minOccurs="0" nillable="true" type="xsd:integer" name="OrphaNumber" form="unqualified"/>
                                                                                                                              <xsd:element minOccurs="0" nillable="true" name="ExpertLink" form="unqualified">
                                                                                                                                <xsd:complexType>
                                                                                                                                  <xsd:simpleContent>
                                                                                                                                    <xsd:extension base="xsd:anyURI">
                                                                                                                                      <xsd:attribute name="lang" form="unqualified" type="xsd:string"/>
                                                                                                                                    </xsd:extension>
                                                                                                                                  </xsd:simpleContent>
                                                                                                                                </xsd:complexType>
                                                                                                                              </xsd:element>
                                                                                                                              <xsd:element minOccurs="0" nillable="true" name="Name" form="unqualified">
                                                                                                                                <xsd:complexType>
                                                                                                                                  <xsd:simpleContent>
                                                                                                                                    <xsd:extension base="xsd:string">
                                                                                                                                      <xsd:attribute name="lang" form="unqualified" type="xsd:string"/>
                                                                                                                                    </xsd:extension>
                                                                                                                                  </xsd:simpleContent>
                                                                                                                                </xsd:complexType>
                                                                                                                              </xsd:element>
                                                                                                                            </xsd:sequence>
                                                                                                                            <xsd:attribute name="id" form="unqualified" type="xsd:integer"/>
                                                                                                                          </xsd:complexType>
                                                                                                                        </xsd:element>
                                                                                                                        <xsd:element minOccurs="0" nillable="true" name="ClassificationNodeChildList" form="unqualified">
                                                                                                                          <xsd:complexType>
                                                                                                                            <xsd:sequence minOccurs="0">
                                                                                                                              <xsd:element minOccurs="0" maxOccurs="unbounded" nillable="true" name="ClassificationNode" form="unqualified">
                                                                                                                                <xsd:complexType>
                                                                                                                                  <xsd:sequence minOccurs="0">
                                                                                                                                    <xsd:element minOccurs="0" nillable="true" name="Disorder" form="unqualified">
                                                                                                                                      <xsd:complexType>
                                                                                                                                        <xsd:sequence minOccurs="0">
                                                                                                                                          <xsd:element minOccurs="0" nillable="true" type="xsd:integer" name="OrphaNumber" form="unqualified"/>
                                                                                                                                          <xsd:element minOccurs="0" nillable="true" name="ExpertLink" form="unqualified">
                                                                                                                                            <xsd:complexType>
                                                                                                                                              <xsd:simpleContent>
                                                                                                                                                <xsd:extension base="xsd:anyURI">
                                                                                                                                                  <xsd:attribute name="lang" form="unqualified" type="xsd:string"/>
                                                                                                                                                </xsd:extension>
                                                                                                                                              </xsd:simpleContent>
                                                                                                                                            </xsd:complexType>
                                                                                                                                          </xsd:element>
                                                                                                                                          <xsd:element minOccurs="0" nillable="true" name="Name" form="unqualified">
                                                                                                                                            <xsd:complexType>
                                                                                                                                              <xsd:simpleContent>
                                                                                                                                                <xsd:extension base="xsd:string">
                                                                                                                                                  <xsd:attribute name="lang" form="unqualified" type="xsd:string"/>
                                                                                                                                                </xsd:extension>
                                                                                                                                              </xsd:simpleContent>
                                                                                                                                            </xsd:complexType>
                                                                                                                                          </xsd:element>
                                                                                                                                        </xsd:sequence>
                                                                                                                                        <xsd:attribute name="id" form="unqualified" type="xsd:integer"/>
                                                                                                                                      </xsd:complexType>
                                                                                                                                    </xsd:element>
                                                                                                                                    <xsd:element minOccurs="0" nillable="true" name="ClassificationNodeChildList" form="unqualified">
                                                                                                                                      <xsd:complexType>
                                                                                                                                        <xsd:attribute name="count" form="unqualified" type="xsd:integer"/>
                                                                                                                                      </xsd:complexType>
                                                                                                                                    </xsd:element>
                                                                                                                                  </xsd:sequence>
                                                                                                                                </xsd:complexType>
                                                                                                                              </xsd:element>
                                                                                                                            </xsd:sequence>
                                                                                                                            <xsd:attribute name="count" form="unqualified" type="xsd:integer"/>
                                                                                                                          </xsd:complexType>
                                                                                                                        </xsd:element>
                                                                                                                      </xsd:sequence>
                                                                                                                    </xsd:complexType>
                                                                                                                  </xsd:element>
                                                                                                                </xsd:sequence>
                                                                                                                <xsd:attribute name="count" form="unqualified" type="xsd:integer"/>
                                                                                                              </xsd:complexType>
                                                                                                            </xsd:element>
                                                                                                          </xsd:sequence>
                                                                                                        </xsd:complexType>
                                                                                                      </xsd:element>
                                                                                                    </xsd:sequence>
                                                                                                    <xsd:attribute name="count" form="unqualified" type="xsd:integer"/>
                                                                                                  </xsd:complexType>
                                                                                                </xsd:element>
                                                                                              </xsd:sequence>
                                                                                            </xsd:complexType>
                                                                                          </xsd:element>
                                                                                        </xsd:sequence>
                                                                                        <xsd:attribute name="count" form="unqualified" type="xsd:integer"/>
                                                                                      </xsd:complexType>
                                                                                    </xsd:element>
                                                                                  </xsd:sequence>
                                                                                </xsd:complexType>
                                                                              </xsd:element>
                                                                            </xsd:sequence>
                                                                            <xsd:attribute name="count" form="unqualified" type="xsd:integer"/>
                                                                          </xsd:complexType>
                                                                        </xsd:element>
                                                                      </xsd:sequence>
                                                                    </xsd:complexType>
                                                                  </xsd:element>
                                                                </xsd:sequence>
                                                                <xsd:attribute name="count" form="unqualified" type="xsd:integer"/>
                                                              </xsd:complexType>
                                                            </xsd:element>
                                                          </xsd:sequence>
                                                        </xsd:complexType>
                                                      </xsd:element>
                                                    </xsd:sequence>
                                                    <xsd:attribute name="count" form="unqualified" type="xsd:integer"/>
                                                  </xsd:complexType>
                                                </xsd:element>
                                              </xsd:sequence>
                                            </xsd:complexType>
                                          </xsd:element>
                                        </xsd:sequence>
                                        <xsd:attribute name="count" form="unqualified" type="xsd:integer"/>
                                      </xsd:complexType>
                                    </xsd:element>
                                  </xsd:sequence>
                                </xsd:complexType>
                              </xsd:element>
                            </xsd:sequence>
                            <xsd:attribute name="count" form="unqualified" type="xsd:integer"/>
                          </xsd:complexType>
                        </xsd:element>
                      </xsd:sequence>
                      <xsd:attribute name="id" form="unqualified" type="xsd:integer"/>
                    </xsd:complexType>
                  </xsd:element>
                </xsd:sequence>
                <xsd:attribute name="count" form="unqualified" type="xsd:integer"/>
              </xsd:complexType>
            </xsd:element>
          </xsd:sequence>
          <xsd:attribute name="date" form="unqualified" type="xsd:string"/>
          <xsd:attribute name="version" form="unqualified" type="xsd:string"/>
          <xsd:attribute name="copyright" form="unqualified" type="xsd:string"/>
        </xsd:complexType>
      </xsd:element>
    </xsd:schema>
  </Schema>
  <Map ID="1" Name="JDBOR_Zuordnung" RootElement="JDBOR" SchemaID="Schema1" ShowImportExportValidationErrors="false" AutoFit="true" Append="false" PreserveSortAFLayout="true" PreserveFormat="true">
    <DataBinding FileBinding="true" ConnectionID="1" DataBindingLoadMode="1"/>
  </Map>
</MapInfo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7" Type="http://schemas.openxmlformats.org/officeDocument/2006/relationships/xmlMaps" Target="xmlMap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connections" Target="connections.xml"/></Relationships>
</file>

<file path=xl/theme/theme1.xml><?xml version="1.0" encoding="utf-8"?>
<a:theme xmlns:a="http://schemas.openxmlformats.org/drawingml/2006/main" name="Larissa-Design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>
  <dimension ref="B1:O219"/>
  <sheetViews>
    <sheetView tabSelected="1" topLeftCell="C1" zoomScale="90" zoomScaleNormal="90" workbookViewId="0">
      <pane ySplit="9" topLeftCell="A10" activePane="bottomLeft" state="frozen"/>
      <selection activeCell="C1" sqref="C1"/>
      <selection pane="bottomLeft" activeCell="L3" sqref="L3:O3"/>
    </sheetView>
  </sheetViews>
  <sheetFormatPr baseColWidth="10" defaultRowHeight="15"/>
  <cols>
    <col min="1" max="2" width="0" style="1" hidden="1" customWidth="1"/>
    <col min="3" max="3" width="10.85546875" style="1" customWidth="1"/>
    <col min="4" max="4" width="1.42578125" style="1" customWidth="1"/>
    <col min="5" max="12" width="3.5703125" style="1" customWidth="1"/>
    <col min="13" max="13" width="100.7109375" style="1" customWidth="1"/>
    <col min="14" max="14" width="20.85546875" style="1" customWidth="1"/>
    <col min="15" max="15" width="24.28515625" style="1" customWidth="1"/>
    <col min="16" max="16384" width="11.42578125" style="1"/>
  </cols>
  <sheetData>
    <row r="1" spans="2:15" ht="5.25" customHeight="1">
      <c r="B1" s="2"/>
      <c r="F1" s="3"/>
      <c r="G1" s="3"/>
      <c r="H1" s="3"/>
    </row>
    <row r="2" spans="2:15" ht="4.5" customHeight="1">
      <c r="C2" s="4"/>
      <c r="D2" s="5"/>
      <c r="E2" s="5"/>
      <c r="F2" s="6"/>
      <c r="G2" s="6"/>
      <c r="H2" s="6"/>
      <c r="I2" s="6"/>
      <c r="J2" s="6"/>
      <c r="K2" s="6"/>
      <c r="L2" s="7"/>
      <c r="M2" s="8"/>
      <c r="N2" s="8"/>
      <c r="O2" s="9"/>
    </row>
    <row r="3" spans="2:15" s="10" customFormat="1" ht="21.75" thickBot="1">
      <c r="C3" s="11" t="s">
        <v>187</v>
      </c>
      <c r="D3" s="12"/>
      <c r="E3" s="12"/>
      <c r="F3" s="13"/>
      <c r="G3" s="14"/>
      <c r="H3" s="14"/>
      <c r="I3" s="14"/>
      <c r="J3" s="14"/>
      <c r="K3" s="14"/>
      <c r="L3" s="68"/>
      <c r="M3" s="69"/>
      <c r="N3" s="69"/>
      <c r="O3" s="70"/>
    </row>
    <row r="4" spans="2:15" s="10" customFormat="1" ht="4.5" customHeight="1">
      <c r="C4" s="15"/>
      <c r="D4" s="16"/>
      <c r="E4" s="16"/>
      <c r="F4" s="17"/>
      <c r="G4" s="18"/>
      <c r="H4" s="18"/>
      <c r="I4" s="18"/>
      <c r="J4" s="18"/>
      <c r="K4" s="18"/>
      <c r="L4" s="19"/>
      <c r="M4" s="20"/>
      <c r="N4" s="20"/>
      <c r="O4" s="21"/>
    </row>
    <row r="5" spans="2:15" ht="7.5" customHeight="1">
      <c r="C5" s="3"/>
      <c r="G5" s="3"/>
      <c r="H5" s="3"/>
      <c r="I5" s="3"/>
      <c r="J5" s="3"/>
      <c r="K5" s="3"/>
      <c r="M5" s="22"/>
      <c r="N5" s="22"/>
      <c r="O5" s="22"/>
    </row>
    <row r="6" spans="2:15" s="23" customFormat="1" ht="22.5" customHeight="1">
      <c r="C6" s="57" t="s">
        <v>188</v>
      </c>
      <c r="D6" s="58"/>
      <c r="E6" s="59"/>
      <c r="F6" s="33"/>
      <c r="G6" s="34"/>
      <c r="H6" s="34"/>
      <c r="I6" s="34"/>
      <c r="J6" s="34"/>
      <c r="K6" s="34"/>
      <c r="L6" s="71"/>
      <c r="M6" s="72"/>
      <c r="N6" s="72"/>
      <c r="O6" s="73"/>
    </row>
    <row r="7" spans="2:15" s="23" customFormat="1" ht="22.5" customHeight="1">
      <c r="C7" s="57" t="s">
        <v>189</v>
      </c>
      <c r="D7" s="58"/>
      <c r="E7" s="59"/>
      <c r="F7" s="33"/>
      <c r="G7" s="34"/>
      <c r="H7" s="34"/>
      <c r="I7" s="34"/>
      <c r="J7" s="34"/>
      <c r="K7" s="34"/>
      <c r="L7" s="71"/>
      <c r="M7" s="72"/>
      <c r="N7" s="72"/>
      <c r="O7" s="73"/>
    </row>
    <row r="8" spans="2:15" ht="7.5" customHeight="1" thickBot="1">
      <c r="B8" s="3"/>
      <c r="F8" s="3"/>
      <c r="G8" s="3"/>
      <c r="H8" s="3"/>
    </row>
    <row r="9" spans="2:15" s="24" customFormat="1" ht="45" customHeight="1" thickBot="1">
      <c r="B9" s="25" t="s">
        <v>190</v>
      </c>
      <c r="C9" s="26" t="s">
        <v>191</v>
      </c>
      <c r="D9" s="27"/>
      <c r="E9" s="60" t="s">
        <v>194</v>
      </c>
      <c r="F9" s="61"/>
      <c r="G9" s="61"/>
      <c r="H9" s="61"/>
      <c r="I9" s="61"/>
      <c r="J9" s="61"/>
      <c r="K9" s="61"/>
      <c r="L9" s="61"/>
      <c r="M9" s="62"/>
      <c r="N9" s="28" t="s">
        <v>192</v>
      </c>
      <c r="O9" s="29" t="s">
        <v>193</v>
      </c>
    </row>
    <row r="10" spans="2:15" ht="15.75" customHeight="1">
      <c r="B10" s="80"/>
      <c r="C10" s="30">
        <v>101433</v>
      </c>
      <c r="D10" s="81"/>
      <c r="E10" s="82" t="s">
        <v>0</v>
      </c>
      <c r="F10" s="81"/>
      <c r="G10" s="81"/>
      <c r="H10" s="81"/>
      <c r="I10" s="81"/>
      <c r="J10" s="83"/>
      <c r="K10" s="83"/>
      <c r="L10" s="83"/>
      <c r="M10" s="83"/>
      <c r="N10" s="74"/>
      <c r="O10" s="75"/>
    </row>
    <row r="11" spans="2:15">
      <c r="B11" s="84"/>
      <c r="C11" s="31">
        <v>90771</v>
      </c>
      <c r="D11" s="46"/>
      <c r="E11" s="42"/>
      <c r="F11" s="42" t="s">
        <v>1</v>
      </c>
      <c r="G11" s="46"/>
      <c r="H11" s="46"/>
      <c r="I11" s="46"/>
      <c r="J11" s="42"/>
      <c r="K11" s="42"/>
      <c r="L11" s="42"/>
      <c r="M11" s="42"/>
      <c r="N11" s="76"/>
      <c r="O11" s="77"/>
    </row>
    <row r="12" spans="2:15">
      <c r="B12" s="84"/>
      <c r="C12" s="31">
        <v>2982</v>
      </c>
      <c r="D12" s="46"/>
      <c r="E12" s="42"/>
      <c r="F12" s="42"/>
      <c r="G12" s="42" t="s">
        <v>2</v>
      </c>
      <c r="H12" s="46"/>
      <c r="I12" s="46"/>
      <c r="J12" s="42"/>
      <c r="K12" s="42"/>
      <c r="L12" s="42"/>
      <c r="M12" s="42"/>
      <c r="N12" s="76"/>
      <c r="O12" s="77"/>
    </row>
    <row r="13" spans="2:15">
      <c r="B13" s="84"/>
      <c r="C13" s="31">
        <v>325055</v>
      </c>
      <c r="D13" s="46"/>
      <c r="E13" s="42"/>
      <c r="F13" s="42"/>
      <c r="G13" s="42"/>
      <c r="H13" s="42" t="s">
        <v>3</v>
      </c>
      <c r="I13" s="46"/>
      <c r="J13" s="42"/>
      <c r="K13" s="42"/>
      <c r="L13" s="42"/>
      <c r="M13" s="42"/>
      <c r="N13" s="76"/>
      <c r="O13" s="77"/>
    </row>
    <row r="14" spans="2:15">
      <c r="B14" s="84"/>
      <c r="C14" s="31">
        <v>243</v>
      </c>
      <c r="D14" s="46"/>
      <c r="E14" s="42"/>
      <c r="F14" s="42"/>
      <c r="G14" s="42"/>
      <c r="H14" s="42"/>
      <c r="I14" s="42" t="s">
        <v>4</v>
      </c>
      <c r="J14" s="42"/>
      <c r="K14" s="42"/>
      <c r="L14" s="42"/>
      <c r="M14" s="42"/>
      <c r="N14" s="76"/>
      <c r="O14" s="77"/>
    </row>
    <row r="15" spans="2:15">
      <c r="B15" s="84"/>
      <c r="C15" s="31">
        <v>393</v>
      </c>
      <c r="D15" s="46"/>
      <c r="E15" s="42"/>
      <c r="F15" s="42"/>
      <c r="G15" s="42"/>
      <c r="H15" s="42"/>
      <c r="I15" s="42" t="s">
        <v>5</v>
      </c>
      <c r="J15" s="42"/>
      <c r="K15" s="42"/>
      <c r="L15" s="42"/>
      <c r="M15" s="42"/>
      <c r="N15" s="76"/>
      <c r="O15" s="77"/>
    </row>
    <row r="16" spans="2:15">
      <c r="B16" s="84"/>
      <c r="C16" s="31">
        <v>2138</v>
      </c>
      <c r="D16" s="46"/>
      <c r="E16" s="42"/>
      <c r="F16" s="42"/>
      <c r="G16" s="42"/>
      <c r="H16" s="42"/>
      <c r="I16" s="42" t="s">
        <v>6</v>
      </c>
      <c r="J16" s="42"/>
      <c r="K16" s="42"/>
      <c r="L16" s="42"/>
      <c r="M16" s="42"/>
      <c r="N16" s="76"/>
      <c r="O16" s="77"/>
    </row>
    <row r="17" spans="2:15">
      <c r="B17" s="84"/>
      <c r="C17" s="31">
        <v>98078</v>
      </c>
      <c r="D17" s="46"/>
      <c r="E17" s="42"/>
      <c r="F17" s="42"/>
      <c r="G17" s="42"/>
      <c r="H17" s="42" t="s">
        <v>7</v>
      </c>
      <c r="I17" s="46"/>
      <c r="J17" s="46"/>
      <c r="K17" s="42"/>
      <c r="L17" s="42"/>
      <c r="M17" s="42"/>
      <c r="N17" s="76"/>
      <c r="O17" s="77"/>
    </row>
    <row r="18" spans="2:15">
      <c r="B18" s="84"/>
      <c r="C18" s="31">
        <v>90776</v>
      </c>
      <c r="D18" s="46"/>
      <c r="E18" s="42"/>
      <c r="F18" s="42"/>
      <c r="G18" s="42"/>
      <c r="H18" s="42"/>
      <c r="I18" s="42" t="s">
        <v>8</v>
      </c>
      <c r="J18" s="46"/>
      <c r="K18" s="42"/>
      <c r="L18" s="42"/>
      <c r="M18" s="42"/>
      <c r="N18" s="76"/>
      <c r="O18" s="77"/>
    </row>
    <row r="19" spans="2:15">
      <c r="B19" s="84"/>
      <c r="C19" s="31">
        <v>90795</v>
      </c>
      <c r="D19" s="46"/>
      <c r="E19" s="42"/>
      <c r="F19" s="42"/>
      <c r="G19" s="42"/>
      <c r="H19" s="42"/>
      <c r="I19" s="42"/>
      <c r="J19" s="42" t="s">
        <v>9</v>
      </c>
      <c r="K19" s="42"/>
      <c r="L19" s="42"/>
      <c r="M19" s="42"/>
      <c r="N19" s="76"/>
      <c r="O19" s="77"/>
    </row>
    <row r="20" spans="2:15">
      <c r="B20" s="84"/>
      <c r="C20" s="31">
        <v>90794</v>
      </c>
      <c r="D20" s="46"/>
      <c r="E20" s="42"/>
      <c r="F20" s="42"/>
      <c r="G20" s="42"/>
      <c r="H20" s="42"/>
      <c r="I20" s="42"/>
      <c r="J20" s="42" t="s">
        <v>10</v>
      </c>
      <c r="K20" s="46"/>
      <c r="L20" s="42"/>
      <c r="M20" s="42"/>
      <c r="N20" s="76"/>
      <c r="O20" s="77"/>
    </row>
    <row r="21" spans="2:15">
      <c r="B21" s="84"/>
      <c r="C21" s="31">
        <v>315306</v>
      </c>
      <c r="D21" s="46"/>
      <c r="E21" s="42"/>
      <c r="F21" s="42"/>
      <c r="G21" s="42"/>
      <c r="H21" s="42"/>
      <c r="I21" s="42"/>
      <c r="J21" s="42"/>
      <c r="K21" s="42" t="s">
        <v>11</v>
      </c>
      <c r="L21" s="42"/>
      <c r="M21" s="42"/>
      <c r="N21" s="76"/>
      <c r="O21" s="77"/>
    </row>
    <row r="22" spans="2:15">
      <c r="B22" s="84"/>
      <c r="C22" s="31">
        <v>315311</v>
      </c>
      <c r="D22" s="46"/>
      <c r="E22" s="42"/>
      <c r="F22" s="42"/>
      <c r="G22" s="42"/>
      <c r="H22" s="42"/>
      <c r="I22" s="42"/>
      <c r="J22" s="42"/>
      <c r="K22" s="42" t="s">
        <v>12</v>
      </c>
      <c r="L22" s="42"/>
      <c r="M22" s="42"/>
      <c r="N22" s="76"/>
      <c r="O22" s="77"/>
    </row>
    <row r="23" spans="2:15">
      <c r="B23" s="84"/>
      <c r="C23" s="31">
        <v>786</v>
      </c>
      <c r="D23" s="46"/>
      <c r="E23" s="42"/>
      <c r="F23" s="42"/>
      <c r="G23" s="42"/>
      <c r="H23" s="42"/>
      <c r="I23" s="42"/>
      <c r="J23" s="42" t="s">
        <v>13</v>
      </c>
      <c r="K23" s="42"/>
      <c r="L23" s="42"/>
      <c r="M23" s="42"/>
      <c r="N23" s="76"/>
      <c r="O23" s="77"/>
    </row>
    <row r="24" spans="2:15">
      <c r="B24" s="84"/>
      <c r="C24" s="31">
        <v>95699</v>
      </c>
      <c r="D24" s="46"/>
      <c r="E24" s="42"/>
      <c r="F24" s="42"/>
      <c r="G24" s="42"/>
      <c r="H24" s="42"/>
      <c r="I24" s="42"/>
      <c r="J24" s="42" t="s">
        <v>14</v>
      </c>
      <c r="K24" s="42"/>
      <c r="L24" s="42"/>
      <c r="M24" s="42"/>
      <c r="N24" s="76"/>
      <c r="O24" s="77"/>
    </row>
    <row r="25" spans="2:15">
      <c r="B25" s="84"/>
      <c r="C25" s="31">
        <v>90791</v>
      </c>
      <c r="D25" s="46"/>
      <c r="E25" s="42"/>
      <c r="F25" s="42"/>
      <c r="G25" s="42"/>
      <c r="H25" s="42"/>
      <c r="I25" s="42"/>
      <c r="J25" s="42" t="s">
        <v>15</v>
      </c>
      <c r="K25" s="42"/>
      <c r="L25" s="42"/>
      <c r="M25" s="42"/>
      <c r="N25" s="76"/>
      <c r="O25" s="77"/>
    </row>
    <row r="26" spans="2:15">
      <c r="B26" s="84"/>
      <c r="C26" s="31">
        <v>325061</v>
      </c>
      <c r="D26" s="46"/>
      <c r="E26" s="42"/>
      <c r="F26" s="42"/>
      <c r="G26" s="42"/>
      <c r="H26" s="42"/>
      <c r="I26" s="42" t="s">
        <v>16</v>
      </c>
      <c r="J26" s="46"/>
      <c r="K26" s="42"/>
      <c r="L26" s="42"/>
      <c r="M26" s="42"/>
      <c r="N26" s="76"/>
      <c r="O26" s="77"/>
    </row>
    <row r="27" spans="2:15">
      <c r="B27" s="84"/>
      <c r="C27" s="31">
        <v>91</v>
      </c>
      <c r="D27" s="46"/>
      <c r="E27" s="42"/>
      <c r="F27" s="42"/>
      <c r="G27" s="42"/>
      <c r="H27" s="42"/>
      <c r="I27" s="42"/>
      <c r="J27" s="42" t="s">
        <v>17</v>
      </c>
      <c r="K27" s="42"/>
      <c r="L27" s="42"/>
      <c r="M27" s="42"/>
      <c r="N27" s="76"/>
      <c r="O27" s="77"/>
    </row>
    <row r="28" spans="2:15">
      <c r="B28" s="84"/>
      <c r="C28" s="31">
        <v>91144</v>
      </c>
      <c r="D28" s="46"/>
      <c r="E28" s="42"/>
      <c r="F28" s="42"/>
      <c r="G28" s="42"/>
      <c r="H28" s="42"/>
      <c r="I28" s="42" t="s">
        <v>18</v>
      </c>
      <c r="J28" s="46"/>
      <c r="K28" s="42"/>
      <c r="L28" s="42"/>
      <c r="M28" s="42"/>
      <c r="N28" s="76"/>
      <c r="O28" s="77"/>
    </row>
    <row r="29" spans="2:15">
      <c r="B29" s="84"/>
      <c r="C29" s="31">
        <v>325099</v>
      </c>
      <c r="D29" s="46"/>
      <c r="E29" s="42"/>
      <c r="F29" s="42"/>
      <c r="G29" s="42"/>
      <c r="H29" s="42"/>
      <c r="I29" s="42"/>
      <c r="J29" s="42" t="s">
        <v>19</v>
      </c>
      <c r="K29" s="42"/>
      <c r="L29" s="42"/>
      <c r="M29" s="42"/>
      <c r="N29" s="76"/>
      <c r="O29" s="77"/>
    </row>
    <row r="30" spans="2:15">
      <c r="B30" s="84"/>
      <c r="C30" s="31">
        <v>325093</v>
      </c>
      <c r="D30" s="46"/>
      <c r="E30" s="42"/>
      <c r="F30" s="42"/>
      <c r="G30" s="42"/>
      <c r="H30" s="42"/>
      <c r="I30" s="42"/>
      <c r="J30" s="42" t="s">
        <v>20</v>
      </c>
      <c r="K30" s="42"/>
      <c r="L30" s="42"/>
      <c r="M30" s="42"/>
      <c r="N30" s="76"/>
      <c r="O30" s="77"/>
    </row>
    <row r="31" spans="2:15">
      <c r="B31" s="84"/>
      <c r="C31" s="31">
        <v>325109</v>
      </c>
      <c r="D31" s="46"/>
      <c r="E31" s="42"/>
      <c r="F31" s="42"/>
      <c r="G31" s="42"/>
      <c r="H31" s="42" t="s">
        <v>21</v>
      </c>
      <c r="I31" s="46"/>
      <c r="J31" s="42"/>
      <c r="K31" s="42"/>
      <c r="L31" s="42"/>
      <c r="M31" s="42"/>
      <c r="N31" s="76"/>
      <c r="O31" s="77"/>
    </row>
    <row r="32" spans="2:15">
      <c r="B32" s="84"/>
      <c r="C32" s="31">
        <v>991</v>
      </c>
      <c r="D32" s="46"/>
      <c r="E32" s="42"/>
      <c r="F32" s="42"/>
      <c r="G32" s="42"/>
      <c r="H32" s="42"/>
      <c r="I32" s="42" t="s">
        <v>22</v>
      </c>
      <c r="J32" s="42"/>
      <c r="K32" s="42"/>
      <c r="L32" s="42"/>
      <c r="M32" s="42"/>
      <c r="N32" s="76"/>
      <c r="O32" s="77"/>
    </row>
    <row r="33" spans="2:15">
      <c r="B33" s="84"/>
      <c r="C33" s="31">
        <v>85112</v>
      </c>
      <c r="D33" s="46"/>
      <c r="E33" s="42"/>
      <c r="F33" s="42"/>
      <c r="G33" s="42"/>
      <c r="H33" s="42"/>
      <c r="I33" s="42" t="s">
        <v>23</v>
      </c>
      <c r="J33" s="42"/>
      <c r="K33" s="42"/>
      <c r="L33" s="42"/>
      <c r="M33" s="42"/>
      <c r="N33" s="76"/>
      <c r="O33" s="77"/>
    </row>
    <row r="34" spans="2:15">
      <c r="B34" s="84"/>
      <c r="C34" s="31">
        <v>247768</v>
      </c>
      <c r="D34" s="46"/>
      <c r="E34" s="42"/>
      <c r="F34" s="42"/>
      <c r="G34" s="42"/>
      <c r="H34" s="42"/>
      <c r="I34" s="42" t="s">
        <v>24</v>
      </c>
      <c r="J34" s="42"/>
      <c r="K34" s="42"/>
      <c r="L34" s="42"/>
      <c r="M34" s="42"/>
      <c r="N34" s="76"/>
      <c r="O34" s="77"/>
    </row>
    <row r="35" spans="2:15">
      <c r="B35" s="84"/>
      <c r="C35" s="31">
        <v>139466</v>
      </c>
      <c r="D35" s="46"/>
      <c r="E35" s="42"/>
      <c r="F35" s="42"/>
      <c r="G35" s="42"/>
      <c r="H35" s="42"/>
      <c r="I35" s="42" t="s">
        <v>25</v>
      </c>
      <c r="J35" s="42"/>
      <c r="K35" s="42"/>
      <c r="L35" s="42"/>
      <c r="M35" s="42"/>
      <c r="N35" s="76"/>
      <c r="O35" s="77"/>
    </row>
    <row r="36" spans="2:15">
      <c r="B36" s="84"/>
      <c r="C36" s="31">
        <v>137631</v>
      </c>
      <c r="D36" s="46"/>
      <c r="E36" s="42"/>
      <c r="F36" s="42"/>
      <c r="G36" s="42"/>
      <c r="H36" s="42"/>
      <c r="I36" s="42" t="s">
        <v>26</v>
      </c>
      <c r="J36" s="42"/>
      <c r="K36" s="42"/>
      <c r="L36" s="42"/>
      <c r="M36" s="42"/>
      <c r="N36" s="76"/>
      <c r="O36" s="77"/>
    </row>
    <row r="37" spans="2:15">
      <c r="B37" s="84"/>
      <c r="C37" s="31">
        <v>2973</v>
      </c>
      <c r="D37" s="46"/>
      <c r="E37" s="42"/>
      <c r="F37" s="42"/>
      <c r="G37" s="42"/>
      <c r="H37" s="42"/>
      <c r="I37" s="42" t="s">
        <v>27</v>
      </c>
      <c r="J37" s="42"/>
      <c r="K37" s="42"/>
      <c r="L37" s="42"/>
      <c r="M37" s="42"/>
      <c r="N37" s="76"/>
      <c r="O37" s="77"/>
    </row>
    <row r="38" spans="2:15">
      <c r="B38" s="84"/>
      <c r="C38" s="31">
        <v>2975</v>
      </c>
      <c r="D38" s="46"/>
      <c r="E38" s="42"/>
      <c r="F38" s="42"/>
      <c r="G38" s="42"/>
      <c r="H38" s="42"/>
      <c r="I38" s="42" t="s">
        <v>28</v>
      </c>
      <c r="J38" s="42"/>
      <c r="K38" s="42"/>
      <c r="L38" s="42"/>
      <c r="M38" s="42"/>
      <c r="N38" s="76"/>
      <c r="O38" s="77"/>
    </row>
    <row r="39" spans="2:15">
      <c r="B39" s="84"/>
      <c r="C39" s="31">
        <v>2855</v>
      </c>
      <c r="D39" s="46"/>
      <c r="E39" s="42"/>
      <c r="F39" s="42"/>
      <c r="G39" s="42"/>
      <c r="H39" s="42"/>
      <c r="I39" s="42" t="s">
        <v>29</v>
      </c>
      <c r="J39" s="42"/>
      <c r="K39" s="42"/>
      <c r="L39" s="42"/>
      <c r="M39" s="42"/>
      <c r="N39" s="76"/>
      <c r="O39" s="77"/>
    </row>
    <row r="40" spans="2:15">
      <c r="B40" s="84"/>
      <c r="C40" s="31">
        <v>325546</v>
      </c>
      <c r="D40" s="46"/>
      <c r="E40" s="42"/>
      <c r="F40" s="42"/>
      <c r="G40" s="42" t="s">
        <v>30</v>
      </c>
      <c r="H40" s="46"/>
      <c r="I40" s="42"/>
      <c r="J40" s="42"/>
      <c r="K40" s="42"/>
      <c r="L40" s="42"/>
      <c r="M40" s="42"/>
      <c r="N40" s="76"/>
      <c r="O40" s="77"/>
    </row>
    <row r="41" spans="2:15">
      <c r="B41" s="84"/>
      <c r="C41" s="31">
        <v>96263</v>
      </c>
      <c r="D41" s="46"/>
      <c r="E41" s="42"/>
      <c r="F41" s="42"/>
      <c r="G41" s="42"/>
      <c r="H41" s="42" t="s">
        <v>31</v>
      </c>
      <c r="I41" s="42"/>
      <c r="J41" s="42"/>
      <c r="K41" s="42"/>
      <c r="L41" s="42"/>
      <c r="M41" s="42"/>
      <c r="N41" s="76"/>
      <c r="O41" s="77"/>
    </row>
    <row r="42" spans="2:15">
      <c r="B42" s="84"/>
      <c r="C42" s="31">
        <v>96264</v>
      </c>
      <c r="D42" s="46"/>
      <c r="E42" s="42"/>
      <c r="F42" s="42"/>
      <c r="G42" s="42"/>
      <c r="H42" s="42" t="s">
        <v>32</v>
      </c>
      <c r="I42" s="42"/>
      <c r="J42" s="42"/>
      <c r="K42" s="42"/>
      <c r="L42" s="42"/>
      <c r="M42" s="42"/>
      <c r="N42" s="76"/>
      <c r="O42" s="77"/>
    </row>
    <row r="43" spans="2:15">
      <c r="B43" s="84"/>
      <c r="C43" s="31">
        <v>10</v>
      </c>
      <c r="D43" s="46"/>
      <c r="E43" s="42"/>
      <c r="F43" s="42"/>
      <c r="G43" s="42"/>
      <c r="H43" s="42" t="s">
        <v>33</v>
      </c>
      <c r="I43" s="42"/>
      <c r="J43" s="42"/>
      <c r="K43" s="42"/>
      <c r="L43" s="42"/>
      <c r="M43" s="42"/>
      <c r="N43" s="76"/>
      <c r="O43" s="77"/>
    </row>
    <row r="44" spans="2:15">
      <c r="B44" s="84"/>
      <c r="C44" s="31">
        <v>881</v>
      </c>
      <c r="D44" s="46"/>
      <c r="E44" s="42"/>
      <c r="F44" s="42"/>
      <c r="G44" s="42"/>
      <c r="H44" s="42" t="s">
        <v>34</v>
      </c>
      <c r="I44" s="46"/>
      <c r="J44" s="42"/>
      <c r="K44" s="42"/>
      <c r="L44" s="42"/>
      <c r="M44" s="42"/>
      <c r="N44" s="76"/>
      <c r="O44" s="77"/>
    </row>
    <row r="45" spans="2:15">
      <c r="B45" s="84"/>
      <c r="C45" s="31">
        <v>99226</v>
      </c>
      <c r="D45" s="46"/>
      <c r="E45" s="42"/>
      <c r="F45" s="42"/>
      <c r="G45" s="42"/>
      <c r="H45" s="42"/>
      <c r="I45" s="42" t="s">
        <v>35</v>
      </c>
      <c r="J45" s="42"/>
      <c r="K45" s="42"/>
      <c r="L45" s="42"/>
      <c r="M45" s="42"/>
      <c r="N45" s="76"/>
      <c r="O45" s="77"/>
    </row>
    <row r="46" spans="2:15">
      <c r="B46" s="84"/>
      <c r="C46" s="31">
        <v>99413</v>
      </c>
      <c r="D46" s="46"/>
      <c r="E46" s="42"/>
      <c r="F46" s="42"/>
      <c r="G46" s="42"/>
      <c r="H46" s="42"/>
      <c r="I46" s="42" t="s">
        <v>36</v>
      </c>
      <c r="J46" s="42"/>
      <c r="K46" s="42"/>
      <c r="L46" s="42"/>
      <c r="M46" s="42"/>
      <c r="N46" s="76"/>
      <c r="O46" s="77"/>
    </row>
    <row r="47" spans="2:15">
      <c r="B47" s="84"/>
      <c r="C47" s="31">
        <v>99228</v>
      </c>
      <c r="D47" s="46"/>
      <c r="E47" s="42"/>
      <c r="F47" s="42"/>
      <c r="G47" s="42"/>
      <c r="H47" s="42"/>
      <c r="I47" s="42" t="s">
        <v>37</v>
      </c>
      <c r="J47" s="42"/>
      <c r="K47" s="42"/>
      <c r="L47" s="42"/>
      <c r="M47" s="42"/>
      <c r="N47" s="76"/>
      <c r="O47" s="77"/>
    </row>
    <row r="48" spans="2:15">
      <c r="B48" s="84"/>
      <c r="C48" s="31">
        <v>1772</v>
      </c>
      <c r="D48" s="46"/>
      <c r="E48" s="42"/>
      <c r="F48" s="42"/>
      <c r="G48" s="42"/>
      <c r="H48" s="42" t="s">
        <v>38</v>
      </c>
      <c r="I48" s="42"/>
      <c r="J48" s="42"/>
      <c r="K48" s="42"/>
      <c r="L48" s="42"/>
      <c r="M48" s="42"/>
      <c r="N48" s="76"/>
      <c r="O48" s="77"/>
    </row>
    <row r="49" spans="2:15">
      <c r="B49" s="84"/>
      <c r="C49" s="31">
        <v>199310</v>
      </c>
      <c r="D49" s="46"/>
      <c r="E49" s="42"/>
      <c r="F49" s="42"/>
      <c r="G49" s="42"/>
      <c r="H49" s="42" t="s">
        <v>39</v>
      </c>
      <c r="I49" s="42"/>
      <c r="J49" s="42"/>
      <c r="K49" s="42"/>
      <c r="L49" s="42"/>
      <c r="M49" s="42"/>
      <c r="N49" s="76"/>
      <c r="O49" s="77"/>
    </row>
    <row r="50" spans="2:15">
      <c r="B50" s="84"/>
      <c r="C50" s="31">
        <v>98085</v>
      </c>
      <c r="D50" s="46"/>
      <c r="E50" s="42"/>
      <c r="F50" s="42"/>
      <c r="G50" s="42" t="s">
        <v>40</v>
      </c>
      <c r="H50" s="46"/>
      <c r="I50" s="42"/>
      <c r="J50" s="42"/>
      <c r="K50" s="42"/>
      <c r="L50" s="42"/>
      <c r="M50" s="42"/>
      <c r="N50" s="76"/>
      <c r="O50" s="77"/>
    </row>
    <row r="51" spans="2:15">
      <c r="B51" s="84"/>
      <c r="C51" s="31">
        <v>49</v>
      </c>
      <c r="D51" s="46"/>
      <c r="E51" s="42"/>
      <c r="F51" s="42"/>
      <c r="G51" s="42"/>
      <c r="H51" s="42" t="s">
        <v>41</v>
      </c>
      <c r="I51" s="42"/>
      <c r="J51" s="42"/>
      <c r="K51" s="42"/>
      <c r="L51" s="42"/>
      <c r="M51" s="42"/>
      <c r="N51" s="76"/>
      <c r="O51" s="77"/>
    </row>
    <row r="52" spans="2:15">
      <c r="B52" s="84"/>
      <c r="C52" s="31">
        <v>325351</v>
      </c>
      <c r="D52" s="46"/>
      <c r="E52" s="42"/>
      <c r="F52" s="42"/>
      <c r="G52" s="42"/>
      <c r="H52" s="42" t="s">
        <v>42</v>
      </c>
      <c r="I52" s="46"/>
      <c r="J52" s="46"/>
      <c r="K52" s="46"/>
      <c r="L52" s="42"/>
      <c r="M52" s="42"/>
      <c r="N52" s="76"/>
      <c r="O52" s="77"/>
    </row>
    <row r="53" spans="2:15">
      <c r="B53" s="84"/>
      <c r="C53" s="31">
        <v>325357</v>
      </c>
      <c r="D53" s="46"/>
      <c r="E53" s="42"/>
      <c r="F53" s="42"/>
      <c r="G53" s="42"/>
      <c r="H53" s="42"/>
      <c r="I53" s="42" t="s">
        <v>43</v>
      </c>
      <c r="J53" s="46"/>
      <c r="K53" s="46"/>
      <c r="L53" s="42"/>
      <c r="M53" s="42"/>
      <c r="N53" s="76"/>
      <c r="O53" s="77"/>
    </row>
    <row r="54" spans="2:15">
      <c r="B54" s="84"/>
      <c r="C54" s="31">
        <v>755</v>
      </c>
      <c r="D54" s="46"/>
      <c r="E54" s="42"/>
      <c r="F54" s="42"/>
      <c r="G54" s="42"/>
      <c r="H54" s="42"/>
      <c r="I54" s="42"/>
      <c r="J54" s="42" t="s">
        <v>44</v>
      </c>
      <c r="K54" s="46"/>
      <c r="L54" s="42"/>
      <c r="M54" s="42"/>
      <c r="N54" s="76"/>
      <c r="O54" s="77"/>
    </row>
    <row r="55" spans="2:15">
      <c r="B55" s="84"/>
      <c r="C55" s="31">
        <v>96265</v>
      </c>
      <c r="D55" s="46"/>
      <c r="E55" s="42"/>
      <c r="F55" s="42"/>
      <c r="G55" s="42"/>
      <c r="H55" s="42"/>
      <c r="I55" s="42"/>
      <c r="J55" s="42"/>
      <c r="K55" s="42" t="s">
        <v>45</v>
      </c>
      <c r="L55" s="42"/>
      <c r="M55" s="42"/>
      <c r="N55" s="76"/>
      <c r="O55" s="77"/>
    </row>
    <row r="56" spans="2:15">
      <c r="B56" s="84"/>
      <c r="C56" s="31">
        <v>96266</v>
      </c>
      <c r="D56" s="46"/>
      <c r="E56" s="42"/>
      <c r="F56" s="42"/>
      <c r="G56" s="42"/>
      <c r="H56" s="42"/>
      <c r="I56" s="42"/>
      <c r="J56" s="42"/>
      <c r="K56" s="42" t="s">
        <v>46</v>
      </c>
      <c r="L56" s="42"/>
      <c r="M56" s="42"/>
      <c r="N56" s="76"/>
      <c r="O56" s="77"/>
    </row>
    <row r="57" spans="2:15">
      <c r="B57" s="84"/>
      <c r="C57" s="31">
        <v>325448</v>
      </c>
      <c r="D57" s="46"/>
      <c r="E57" s="42"/>
      <c r="F57" s="42"/>
      <c r="G57" s="42"/>
      <c r="H57" s="42"/>
      <c r="I57" s="42"/>
      <c r="J57" s="42"/>
      <c r="K57" s="42" t="s">
        <v>47</v>
      </c>
      <c r="L57" s="42"/>
      <c r="M57" s="42"/>
      <c r="N57" s="76"/>
      <c r="O57" s="77"/>
    </row>
    <row r="58" spans="2:15">
      <c r="B58" s="84"/>
      <c r="C58" s="31">
        <v>90783</v>
      </c>
      <c r="D58" s="46"/>
      <c r="E58" s="42"/>
      <c r="F58" s="42"/>
      <c r="G58" s="42"/>
      <c r="H58" s="42"/>
      <c r="I58" s="42"/>
      <c r="J58" s="42" t="s">
        <v>48</v>
      </c>
      <c r="K58" s="46"/>
      <c r="L58" s="46"/>
      <c r="M58" s="42"/>
      <c r="N58" s="76"/>
      <c r="O58" s="77"/>
    </row>
    <row r="59" spans="2:15">
      <c r="B59" s="84"/>
      <c r="C59" s="31">
        <v>90787</v>
      </c>
      <c r="D59" s="46"/>
      <c r="E59" s="42"/>
      <c r="F59" s="42"/>
      <c r="G59" s="42"/>
      <c r="H59" s="42"/>
      <c r="I59" s="42"/>
      <c r="J59" s="42"/>
      <c r="K59" s="42" t="s">
        <v>49</v>
      </c>
      <c r="L59" s="46"/>
      <c r="M59" s="42"/>
      <c r="N59" s="76"/>
      <c r="O59" s="77"/>
    </row>
    <row r="60" spans="2:15">
      <c r="B60" s="84"/>
      <c r="C60" s="31">
        <v>752</v>
      </c>
      <c r="D60" s="46"/>
      <c r="E60" s="42"/>
      <c r="F60" s="42"/>
      <c r="G60" s="42"/>
      <c r="H60" s="42"/>
      <c r="I60" s="42"/>
      <c r="J60" s="42"/>
      <c r="K60" s="42"/>
      <c r="L60" s="42" t="s">
        <v>50</v>
      </c>
      <c r="M60" s="42"/>
      <c r="N60" s="76"/>
      <c r="O60" s="77"/>
    </row>
    <row r="61" spans="2:15">
      <c r="B61" s="84"/>
      <c r="C61" s="31">
        <v>90796</v>
      </c>
      <c r="D61" s="46"/>
      <c r="E61" s="42"/>
      <c r="F61" s="42"/>
      <c r="G61" s="42"/>
      <c r="H61" s="42"/>
      <c r="I61" s="42"/>
      <c r="J61" s="42"/>
      <c r="K61" s="42"/>
      <c r="L61" s="42" t="s">
        <v>51</v>
      </c>
      <c r="M61" s="42"/>
      <c r="N61" s="76"/>
      <c r="O61" s="77"/>
    </row>
    <row r="62" spans="2:15">
      <c r="B62" s="84"/>
      <c r="C62" s="31">
        <v>325511</v>
      </c>
      <c r="D62" s="46"/>
      <c r="E62" s="42"/>
      <c r="F62" s="42"/>
      <c r="G62" s="42"/>
      <c r="H62" s="42"/>
      <c r="I62" s="42"/>
      <c r="J62" s="42"/>
      <c r="K62" s="42" t="s">
        <v>52</v>
      </c>
      <c r="L62" s="46"/>
      <c r="M62" s="42"/>
      <c r="N62" s="76"/>
      <c r="O62" s="77"/>
    </row>
    <row r="63" spans="2:15">
      <c r="B63" s="84"/>
      <c r="C63" s="31">
        <v>818</v>
      </c>
      <c r="D63" s="46"/>
      <c r="E63" s="42"/>
      <c r="F63" s="42"/>
      <c r="G63" s="42"/>
      <c r="H63" s="42"/>
      <c r="I63" s="42"/>
      <c r="J63" s="42"/>
      <c r="K63" s="42"/>
      <c r="L63" s="42" t="s">
        <v>53</v>
      </c>
      <c r="M63" s="42"/>
      <c r="N63" s="76"/>
      <c r="O63" s="77"/>
    </row>
    <row r="64" spans="2:15">
      <c r="B64" s="84"/>
      <c r="C64" s="31">
        <v>90786</v>
      </c>
      <c r="D64" s="46"/>
      <c r="E64" s="42"/>
      <c r="F64" s="42"/>
      <c r="G64" s="42"/>
      <c r="H64" s="42"/>
      <c r="I64" s="42"/>
      <c r="J64" s="42"/>
      <c r="K64" s="42" t="s">
        <v>54</v>
      </c>
      <c r="L64" s="46"/>
      <c r="M64" s="42"/>
      <c r="N64" s="76"/>
      <c r="O64" s="77"/>
    </row>
    <row r="65" spans="2:15">
      <c r="B65" s="84"/>
      <c r="C65" s="31">
        <v>168558</v>
      </c>
      <c r="D65" s="46"/>
      <c r="E65" s="42"/>
      <c r="F65" s="42"/>
      <c r="G65" s="42"/>
      <c r="H65" s="42"/>
      <c r="I65" s="42"/>
      <c r="J65" s="42"/>
      <c r="K65" s="42"/>
      <c r="L65" s="42" t="s">
        <v>55</v>
      </c>
      <c r="M65" s="42"/>
      <c r="N65" s="76"/>
      <c r="O65" s="77"/>
    </row>
    <row r="66" spans="2:15">
      <c r="B66" s="84"/>
      <c r="C66" s="31">
        <v>90790</v>
      </c>
      <c r="D66" s="46"/>
      <c r="E66" s="42"/>
      <c r="F66" s="42"/>
      <c r="G66" s="42"/>
      <c r="H66" s="42"/>
      <c r="I66" s="42"/>
      <c r="J66" s="42"/>
      <c r="K66" s="42"/>
      <c r="L66" s="42" t="s">
        <v>56</v>
      </c>
      <c r="M66" s="46"/>
      <c r="N66" s="76"/>
      <c r="O66" s="77"/>
    </row>
    <row r="67" spans="2:15">
      <c r="B67" s="84"/>
      <c r="C67" s="31">
        <v>325529</v>
      </c>
      <c r="D67" s="46"/>
      <c r="E67" s="42"/>
      <c r="F67" s="42"/>
      <c r="G67" s="42"/>
      <c r="H67" s="42"/>
      <c r="I67" s="42"/>
      <c r="J67" s="42"/>
      <c r="K67" s="42"/>
      <c r="L67" s="42"/>
      <c r="M67" s="42" t="s">
        <v>57</v>
      </c>
      <c r="N67" s="76"/>
      <c r="O67" s="77"/>
    </row>
    <row r="68" spans="2:15">
      <c r="B68" s="84"/>
      <c r="C68" s="31">
        <v>325524</v>
      </c>
      <c r="D68" s="46"/>
      <c r="E68" s="42"/>
      <c r="F68" s="42"/>
      <c r="G68" s="42"/>
      <c r="H68" s="42"/>
      <c r="I68" s="42"/>
      <c r="J68" s="42"/>
      <c r="K68" s="42"/>
      <c r="L68" s="42"/>
      <c r="M68" s="42" t="s">
        <v>58</v>
      </c>
      <c r="N68" s="76"/>
      <c r="O68" s="77"/>
    </row>
    <row r="69" spans="2:15">
      <c r="B69" s="84"/>
      <c r="C69" s="31">
        <v>95699</v>
      </c>
      <c r="D69" s="46"/>
      <c r="E69" s="42"/>
      <c r="F69" s="42"/>
      <c r="G69" s="42"/>
      <c r="H69" s="42"/>
      <c r="I69" s="42"/>
      <c r="J69" s="42"/>
      <c r="K69" s="42"/>
      <c r="L69" s="42" t="s">
        <v>14</v>
      </c>
      <c r="M69" s="42"/>
      <c r="N69" s="76"/>
      <c r="O69" s="77"/>
    </row>
    <row r="70" spans="2:15">
      <c r="B70" s="84"/>
      <c r="C70" s="31">
        <v>90793</v>
      </c>
      <c r="D70" s="46"/>
      <c r="E70" s="42"/>
      <c r="F70" s="42"/>
      <c r="G70" s="42"/>
      <c r="H70" s="42"/>
      <c r="I70" s="42"/>
      <c r="J70" s="42"/>
      <c r="K70" s="42"/>
      <c r="L70" s="42" t="s">
        <v>59</v>
      </c>
      <c r="M70" s="42"/>
      <c r="N70" s="76"/>
      <c r="O70" s="77"/>
    </row>
    <row r="71" spans="2:15">
      <c r="B71" s="84"/>
      <c r="C71" s="31">
        <v>90791</v>
      </c>
      <c r="D71" s="46"/>
      <c r="E71" s="42"/>
      <c r="F71" s="42"/>
      <c r="G71" s="42"/>
      <c r="H71" s="42"/>
      <c r="I71" s="42"/>
      <c r="J71" s="42"/>
      <c r="K71" s="42"/>
      <c r="L71" s="42" t="s">
        <v>15</v>
      </c>
      <c r="M71" s="42"/>
      <c r="N71" s="76"/>
      <c r="O71" s="77"/>
    </row>
    <row r="72" spans="2:15">
      <c r="B72" s="84"/>
      <c r="C72" s="31">
        <v>98086</v>
      </c>
      <c r="D72" s="46"/>
      <c r="E72" s="42"/>
      <c r="F72" s="42"/>
      <c r="G72" s="42"/>
      <c r="H72" s="42"/>
      <c r="I72" s="42"/>
      <c r="J72" s="42" t="s">
        <v>60</v>
      </c>
      <c r="K72" s="46"/>
      <c r="L72" s="42"/>
      <c r="M72" s="42"/>
      <c r="N72" s="76"/>
      <c r="O72" s="77"/>
    </row>
    <row r="73" spans="2:15">
      <c r="B73" s="84"/>
      <c r="C73" s="31">
        <v>753</v>
      </c>
      <c r="D73" s="46"/>
      <c r="E73" s="42"/>
      <c r="F73" s="42"/>
      <c r="G73" s="42"/>
      <c r="H73" s="42"/>
      <c r="I73" s="42"/>
      <c r="J73" s="42"/>
      <c r="K73" s="42" t="s">
        <v>61</v>
      </c>
      <c r="L73" s="42"/>
      <c r="M73" s="42"/>
      <c r="N73" s="76"/>
      <c r="O73" s="77"/>
    </row>
    <row r="74" spans="2:15">
      <c r="B74" s="84"/>
      <c r="C74" s="31">
        <v>754</v>
      </c>
      <c r="D74" s="46"/>
      <c r="E74" s="42"/>
      <c r="F74" s="42"/>
      <c r="G74" s="42"/>
      <c r="H74" s="42"/>
      <c r="I74" s="42" t="s">
        <v>62</v>
      </c>
      <c r="J74" s="46"/>
      <c r="K74" s="42"/>
      <c r="L74" s="42"/>
      <c r="M74" s="42"/>
      <c r="N74" s="76"/>
      <c r="O74" s="77"/>
    </row>
    <row r="75" spans="2:15">
      <c r="B75" s="84"/>
      <c r="C75" s="31">
        <v>99429</v>
      </c>
      <c r="D75" s="46"/>
      <c r="E75" s="42"/>
      <c r="F75" s="42"/>
      <c r="G75" s="42"/>
      <c r="H75" s="42"/>
      <c r="I75" s="42"/>
      <c r="J75" s="42" t="s">
        <v>63</v>
      </c>
      <c r="K75" s="42"/>
      <c r="L75" s="42"/>
      <c r="M75" s="42"/>
      <c r="N75" s="76"/>
      <c r="O75" s="77"/>
    </row>
    <row r="76" spans="2:15">
      <c r="B76" s="84"/>
      <c r="C76" s="31">
        <v>90797</v>
      </c>
      <c r="D76" s="46"/>
      <c r="E76" s="42"/>
      <c r="F76" s="42"/>
      <c r="G76" s="42"/>
      <c r="H76" s="42"/>
      <c r="I76" s="42"/>
      <c r="J76" s="42" t="s">
        <v>64</v>
      </c>
      <c r="K76" s="42"/>
      <c r="L76" s="42"/>
      <c r="M76" s="42"/>
      <c r="N76" s="76"/>
      <c r="O76" s="77"/>
    </row>
    <row r="77" spans="2:15">
      <c r="B77" s="84"/>
      <c r="C77" s="31">
        <v>2856</v>
      </c>
      <c r="D77" s="46"/>
      <c r="E77" s="42"/>
      <c r="F77" s="42"/>
      <c r="G77" s="42"/>
      <c r="H77" s="42"/>
      <c r="I77" s="42" t="s">
        <v>65</v>
      </c>
      <c r="J77" s="42"/>
      <c r="K77" s="42"/>
      <c r="L77" s="42"/>
      <c r="M77" s="42"/>
      <c r="N77" s="76"/>
      <c r="O77" s="77"/>
    </row>
    <row r="78" spans="2:15">
      <c r="B78" s="84"/>
      <c r="C78" s="31">
        <v>325537</v>
      </c>
      <c r="D78" s="46"/>
      <c r="E78" s="42"/>
      <c r="F78" s="42"/>
      <c r="G78" s="42"/>
      <c r="H78" s="42"/>
      <c r="I78" s="42" t="s">
        <v>66</v>
      </c>
      <c r="J78" s="42"/>
      <c r="K78" s="42"/>
      <c r="L78" s="42"/>
      <c r="M78" s="42"/>
      <c r="N78" s="76"/>
      <c r="O78" s="77"/>
    </row>
    <row r="79" spans="2:15">
      <c r="B79" s="84"/>
      <c r="C79" s="31">
        <v>325118</v>
      </c>
      <c r="D79" s="46"/>
      <c r="E79" s="42"/>
      <c r="F79" s="42"/>
      <c r="G79" s="42"/>
      <c r="H79" s="42" t="s">
        <v>67</v>
      </c>
      <c r="I79" s="46"/>
      <c r="J79" s="42"/>
      <c r="K79" s="42"/>
      <c r="L79" s="42"/>
      <c r="M79" s="42"/>
      <c r="N79" s="76"/>
      <c r="O79" s="77"/>
    </row>
    <row r="80" spans="2:15">
      <c r="B80" s="84"/>
      <c r="C80" s="31">
        <v>325124</v>
      </c>
      <c r="D80" s="46"/>
      <c r="E80" s="42"/>
      <c r="F80" s="42"/>
      <c r="G80" s="42"/>
      <c r="H80" s="42"/>
      <c r="I80" s="42" t="s">
        <v>68</v>
      </c>
      <c r="J80" s="42"/>
      <c r="K80" s="42"/>
      <c r="L80" s="42"/>
      <c r="M80" s="42"/>
      <c r="N80" s="76"/>
      <c r="O80" s="77"/>
    </row>
    <row r="81" spans="2:15">
      <c r="B81" s="84"/>
      <c r="C81" s="31">
        <v>242</v>
      </c>
      <c r="D81" s="46"/>
      <c r="E81" s="42"/>
      <c r="F81" s="42"/>
      <c r="G81" s="42"/>
      <c r="H81" s="42"/>
      <c r="I81" s="42" t="s">
        <v>69</v>
      </c>
      <c r="J81" s="42"/>
      <c r="K81" s="42"/>
      <c r="L81" s="42"/>
      <c r="M81" s="42"/>
      <c r="N81" s="76"/>
      <c r="O81" s="77"/>
    </row>
    <row r="82" spans="2:15">
      <c r="B82" s="84"/>
      <c r="C82" s="31">
        <v>251510</v>
      </c>
      <c r="D82" s="46"/>
      <c r="E82" s="42"/>
      <c r="F82" s="42"/>
      <c r="G82" s="42"/>
      <c r="H82" s="42"/>
      <c r="I82" s="42" t="s">
        <v>70</v>
      </c>
      <c r="J82" s="42"/>
      <c r="K82" s="42"/>
      <c r="L82" s="42"/>
      <c r="M82" s="42"/>
      <c r="N82" s="76"/>
      <c r="O82" s="77"/>
    </row>
    <row r="83" spans="2:15">
      <c r="B83" s="84"/>
      <c r="C83" s="31">
        <v>325345</v>
      </c>
      <c r="D83" s="46"/>
      <c r="E83" s="42"/>
      <c r="F83" s="42"/>
      <c r="G83" s="42"/>
      <c r="H83" s="42"/>
      <c r="I83" s="42" t="s">
        <v>71</v>
      </c>
      <c r="J83" s="42"/>
      <c r="K83" s="42"/>
      <c r="L83" s="42"/>
      <c r="M83" s="42"/>
      <c r="N83" s="76"/>
      <c r="O83" s="77"/>
    </row>
    <row r="84" spans="2:15">
      <c r="B84" s="84"/>
      <c r="C84" s="31">
        <v>983</v>
      </c>
      <c r="D84" s="46"/>
      <c r="E84" s="42"/>
      <c r="F84" s="42"/>
      <c r="G84" s="42"/>
      <c r="H84" s="42"/>
      <c r="I84" s="42" t="s">
        <v>72</v>
      </c>
      <c r="J84" s="42"/>
      <c r="K84" s="42"/>
      <c r="L84" s="42"/>
      <c r="M84" s="42"/>
      <c r="N84" s="76"/>
      <c r="O84" s="77"/>
    </row>
    <row r="85" spans="2:15">
      <c r="B85" s="84"/>
      <c r="C85" s="31">
        <v>98087</v>
      </c>
      <c r="D85" s="46"/>
      <c r="E85" s="42"/>
      <c r="F85" s="42"/>
      <c r="G85" s="42"/>
      <c r="H85" s="42" t="s">
        <v>73</v>
      </c>
      <c r="I85" s="46"/>
      <c r="J85" s="42"/>
      <c r="K85" s="42"/>
      <c r="L85" s="42"/>
      <c r="M85" s="42"/>
      <c r="N85" s="76"/>
      <c r="O85" s="77"/>
    </row>
    <row r="86" spans="2:15">
      <c r="B86" s="84"/>
      <c r="C86" s="31">
        <v>347</v>
      </c>
      <c r="D86" s="46"/>
      <c r="E86" s="42"/>
      <c r="F86" s="42"/>
      <c r="G86" s="42"/>
      <c r="H86" s="42"/>
      <c r="I86" s="42" t="s">
        <v>74</v>
      </c>
      <c r="J86" s="42"/>
      <c r="K86" s="42"/>
      <c r="L86" s="42"/>
      <c r="M86" s="42"/>
      <c r="N86" s="76"/>
      <c r="O86" s="77"/>
    </row>
    <row r="87" spans="2:15">
      <c r="B87" s="84"/>
      <c r="C87" s="31">
        <v>991</v>
      </c>
      <c r="D87" s="46"/>
      <c r="E87" s="42"/>
      <c r="F87" s="42"/>
      <c r="G87" s="42"/>
      <c r="H87" s="42"/>
      <c r="I87" s="42" t="s">
        <v>22</v>
      </c>
      <c r="J87" s="42"/>
      <c r="K87" s="42"/>
      <c r="L87" s="42"/>
      <c r="M87" s="42"/>
      <c r="N87" s="76"/>
      <c r="O87" s="77"/>
    </row>
    <row r="88" spans="2:15">
      <c r="B88" s="84"/>
      <c r="C88" s="31">
        <v>220</v>
      </c>
      <c r="D88" s="46"/>
      <c r="E88" s="42"/>
      <c r="F88" s="42"/>
      <c r="G88" s="42"/>
      <c r="H88" s="42"/>
      <c r="I88" s="42" t="s">
        <v>75</v>
      </c>
      <c r="J88" s="42"/>
      <c r="K88" s="42"/>
      <c r="L88" s="42"/>
      <c r="M88" s="42"/>
      <c r="N88" s="76"/>
      <c r="O88" s="77"/>
    </row>
    <row r="89" spans="2:15">
      <c r="B89" s="84"/>
      <c r="C89" s="31">
        <v>95700</v>
      </c>
      <c r="D89" s="46"/>
      <c r="E89" s="42"/>
      <c r="F89" s="42"/>
      <c r="G89" s="42"/>
      <c r="H89" s="42"/>
      <c r="I89" s="42" t="s">
        <v>76</v>
      </c>
      <c r="J89" s="42"/>
      <c r="K89" s="42"/>
      <c r="L89" s="42"/>
      <c r="M89" s="42"/>
      <c r="N89" s="76"/>
      <c r="O89" s="77"/>
    </row>
    <row r="90" spans="2:15">
      <c r="B90" s="84"/>
      <c r="C90" s="31">
        <v>140</v>
      </c>
      <c r="D90" s="46"/>
      <c r="E90" s="42"/>
      <c r="F90" s="42"/>
      <c r="G90" s="42"/>
      <c r="H90" s="42"/>
      <c r="I90" s="42" t="s">
        <v>77</v>
      </c>
      <c r="J90" s="42"/>
      <c r="K90" s="42"/>
      <c r="L90" s="42"/>
      <c r="M90" s="42"/>
      <c r="N90" s="76"/>
      <c r="O90" s="77"/>
    </row>
    <row r="91" spans="2:15">
      <c r="B91" s="84"/>
      <c r="C91" s="31">
        <v>893</v>
      </c>
      <c r="D91" s="46"/>
      <c r="E91" s="42"/>
      <c r="F91" s="42"/>
      <c r="G91" s="42"/>
      <c r="H91" s="42"/>
      <c r="I91" s="42" t="s">
        <v>78</v>
      </c>
      <c r="J91" s="42"/>
      <c r="K91" s="42"/>
      <c r="L91" s="42"/>
      <c r="M91" s="42"/>
      <c r="N91" s="76"/>
      <c r="O91" s="77"/>
    </row>
    <row r="92" spans="2:15">
      <c r="B92" s="84"/>
      <c r="C92" s="31">
        <v>1770</v>
      </c>
      <c r="D92" s="46"/>
      <c r="E92" s="42"/>
      <c r="F92" s="42"/>
      <c r="G92" s="42"/>
      <c r="H92" s="42"/>
      <c r="I92" s="42" t="s">
        <v>79</v>
      </c>
      <c r="J92" s="42"/>
      <c r="K92" s="42"/>
      <c r="L92" s="42"/>
      <c r="M92" s="42"/>
      <c r="N92" s="76"/>
      <c r="O92" s="77"/>
    </row>
    <row r="93" spans="2:15">
      <c r="B93" s="84"/>
      <c r="C93" s="31">
        <v>847</v>
      </c>
      <c r="D93" s="46"/>
      <c r="E93" s="42"/>
      <c r="F93" s="42"/>
      <c r="G93" s="42"/>
      <c r="H93" s="42"/>
      <c r="I93" s="42" t="s">
        <v>80</v>
      </c>
      <c r="J93" s="42"/>
      <c r="K93" s="42"/>
      <c r="L93" s="42"/>
      <c r="M93" s="42"/>
      <c r="N93" s="76"/>
      <c r="O93" s="77"/>
    </row>
    <row r="94" spans="2:15">
      <c r="B94" s="84"/>
      <c r="C94" s="31">
        <v>1642</v>
      </c>
      <c r="D94" s="46"/>
      <c r="E94" s="42"/>
      <c r="F94" s="42"/>
      <c r="G94" s="42"/>
      <c r="H94" s="42"/>
      <c r="I94" s="42" t="s">
        <v>81</v>
      </c>
      <c r="J94" s="42"/>
      <c r="K94" s="42"/>
      <c r="L94" s="42"/>
      <c r="M94" s="42"/>
      <c r="N94" s="76"/>
      <c r="O94" s="77"/>
    </row>
    <row r="95" spans="2:15">
      <c r="B95" s="84"/>
      <c r="C95" s="31">
        <v>3097</v>
      </c>
      <c r="D95" s="46"/>
      <c r="E95" s="42"/>
      <c r="F95" s="42"/>
      <c r="G95" s="42"/>
      <c r="H95" s="42"/>
      <c r="I95" s="42" t="s">
        <v>82</v>
      </c>
      <c r="J95" s="42"/>
      <c r="K95" s="42"/>
      <c r="L95" s="42"/>
      <c r="M95" s="42"/>
      <c r="N95" s="76"/>
      <c r="O95" s="77"/>
    </row>
    <row r="96" spans="2:15">
      <c r="B96" s="84"/>
      <c r="C96" s="31">
        <v>1422</v>
      </c>
      <c r="D96" s="46"/>
      <c r="E96" s="42"/>
      <c r="F96" s="42"/>
      <c r="G96" s="42"/>
      <c r="H96" s="42"/>
      <c r="I96" s="42" t="s">
        <v>83</v>
      </c>
      <c r="J96" s="42"/>
      <c r="K96" s="42"/>
      <c r="L96" s="42"/>
      <c r="M96" s="42"/>
      <c r="N96" s="76"/>
      <c r="O96" s="77"/>
    </row>
    <row r="97" spans="2:15">
      <c r="B97" s="84"/>
      <c r="C97" s="31">
        <v>2983</v>
      </c>
      <c r="D97" s="46"/>
      <c r="E97" s="42"/>
      <c r="F97" s="42"/>
      <c r="G97" s="42"/>
      <c r="H97" s="42"/>
      <c r="I97" s="42" t="s">
        <v>84</v>
      </c>
      <c r="J97" s="42"/>
      <c r="K97" s="42"/>
      <c r="L97" s="42"/>
      <c r="M97" s="42"/>
      <c r="N97" s="76"/>
      <c r="O97" s="77"/>
    </row>
    <row r="98" spans="2:15">
      <c r="B98" s="84"/>
      <c r="C98" s="31">
        <v>168593</v>
      </c>
      <c r="D98" s="46"/>
      <c r="E98" s="42"/>
      <c r="F98" s="42"/>
      <c r="G98" s="42"/>
      <c r="H98" s="42"/>
      <c r="I98" s="42" t="s">
        <v>85</v>
      </c>
      <c r="J98" s="42"/>
      <c r="K98" s="42"/>
      <c r="L98" s="42"/>
      <c r="M98" s="42"/>
      <c r="N98" s="76"/>
      <c r="O98" s="77"/>
    </row>
    <row r="99" spans="2:15">
      <c r="B99" s="84"/>
      <c r="C99" s="31">
        <v>452</v>
      </c>
      <c r="D99" s="46"/>
      <c r="E99" s="42"/>
      <c r="F99" s="42"/>
      <c r="G99" s="42"/>
      <c r="H99" s="42"/>
      <c r="I99" s="42" t="s">
        <v>86</v>
      </c>
      <c r="J99" s="42"/>
      <c r="K99" s="42"/>
      <c r="L99" s="42"/>
      <c r="M99" s="42"/>
      <c r="N99" s="76"/>
      <c r="O99" s="77"/>
    </row>
    <row r="100" spans="2:15">
      <c r="B100" s="84"/>
      <c r="C100" s="31">
        <v>2282</v>
      </c>
      <c r="D100" s="46"/>
      <c r="E100" s="42"/>
      <c r="F100" s="42"/>
      <c r="G100" s="42"/>
      <c r="H100" s="42"/>
      <c r="I100" s="42" t="s">
        <v>87</v>
      </c>
      <c r="J100" s="42"/>
      <c r="K100" s="42"/>
      <c r="L100" s="42"/>
      <c r="M100" s="42"/>
      <c r="N100" s="76"/>
      <c r="O100" s="77"/>
    </row>
    <row r="101" spans="2:15">
      <c r="B101" s="84"/>
      <c r="C101" s="31">
        <v>168563</v>
      </c>
      <c r="D101" s="46"/>
      <c r="E101" s="42"/>
      <c r="F101" s="42"/>
      <c r="G101" s="42"/>
      <c r="H101" s="42"/>
      <c r="I101" s="42" t="s">
        <v>88</v>
      </c>
      <c r="J101" s="42"/>
      <c r="K101" s="42"/>
      <c r="L101" s="42"/>
      <c r="M101" s="42"/>
      <c r="N101" s="76"/>
      <c r="O101" s="77"/>
    </row>
    <row r="102" spans="2:15">
      <c r="B102" s="84"/>
      <c r="C102" s="31">
        <v>2795</v>
      </c>
      <c r="D102" s="46"/>
      <c r="E102" s="42"/>
      <c r="F102" s="42" t="s">
        <v>89</v>
      </c>
      <c r="G102" s="42"/>
      <c r="H102" s="42"/>
      <c r="I102" s="42"/>
      <c r="J102" s="42"/>
      <c r="K102" s="42"/>
      <c r="L102" s="42"/>
      <c r="M102" s="42"/>
      <c r="N102" s="76"/>
      <c r="O102" s="77"/>
    </row>
    <row r="103" spans="2:15">
      <c r="B103" s="84"/>
      <c r="C103" s="31">
        <v>37202</v>
      </c>
      <c r="D103" s="46"/>
      <c r="E103" s="42"/>
      <c r="F103" s="42" t="s">
        <v>90</v>
      </c>
      <c r="G103" s="42"/>
      <c r="H103" s="42"/>
      <c r="I103" s="42"/>
      <c r="J103" s="42"/>
      <c r="K103" s="42"/>
      <c r="L103" s="42"/>
      <c r="M103" s="42"/>
      <c r="N103" s="76"/>
      <c r="O103" s="77"/>
    </row>
    <row r="104" spans="2:15">
      <c r="B104" s="84"/>
      <c r="C104" s="31">
        <v>83001</v>
      </c>
      <c r="D104" s="46"/>
      <c r="E104" s="42"/>
      <c r="F104" s="42" t="s">
        <v>91</v>
      </c>
      <c r="G104" s="46"/>
      <c r="H104" s="46"/>
      <c r="I104" s="46"/>
      <c r="J104" s="46"/>
      <c r="K104" s="42"/>
      <c r="L104" s="42"/>
      <c r="M104" s="42"/>
      <c r="N104" s="76"/>
      <c r="O104" s="77"/>
    </row>
    <row r="105" spans="2:15">
      <c r="B105" s="84"/>
      <c r="C105" s="31">
        <v>165704</v>
      </c>
      <c r="D105" s="46"/>
      <c r="E105" s="42"/>
      <c r="F105" s="42"/>
      <c r="G105" s="42" t="s">
        <v>92</v>
      </c>
      <c r="H105" s="46"/>
      <c r="I105" s="46"/>
      <c r="J105" s="46"/>
      <c r="K105" s="42"/>
      <c r="L105" s="42"/>
      <c r="M105" s="42"/>
      <c r="N105" s="76"/>
      <c r="O105" s="77"/>
    </row>
    <row r="106" spans="2:15">
      <c r="B106" s="84"/>
      <c r="C106" s="31">
        <v>182117</v>
      </c>
      <c r="D106" s="46"/>
      <c r="E106" s="42"/>
      <c r="F106" s="42"/>
      <c r="G106" s="42"/>
      <c r="H106" s="42" t="s">
        <v>93</v>
      </c>
      <c r="I106" s="46"/>
      <c r="J106" s="46"/>
      <c r="K106" s="42"/>
      <c r="L106" s="42"/>
      <c r="M106" s="42"/>
      <c r="N106" s="76"/>
      <c r="O106" s="77"/>
    </row>
    <row r="107" spans="2:15">
      <c r="B107" s="84"/>
      <c r="C107" s="31">
        <v>180065</v>
      </c>
      <c r="D107" s="46"/>
      <c r="E107" s="42"/>
      <c r="F107" s="42"/>
      <c r="G107" s="42"/>
      <c r="H107" s="42"/>
      <c r="I107" s="42" t="s">
        <v>94</v>
      </c>
      <c r="J107" s="46"/>
      <c r="K107" s="42"/>
      <c r="L107" s="42"/>
      <c r="M107" s="42"/>
      <c r="N107" s="76"/>
      <c r="O107" s="77"/>
    </row>
    <row r="108" spans="2:15">
      <c r="B108" s="84"/>
      <c r="C108" s="31">
        <v>1916</v>
      </c>
      <c r="D108" s="46"/>
      <c r="E108" s="42"/>
      <c r="F108" s="42"/>
      <c r="G108" s="42"/>
      <c r="H108" s="42"/>
      <c r="I108" s="42"/>
      <c r="J108" s="42" t="s">
        <v>95</v>
      </c>
      <c r="K108" s="42"/>
      <c r="L108" s="42"/>
      <c r="M108" s="42"/>
      <c r="N108" s="76"/>
      <c r="O108" s="77"/>
    </row>
    <row r="109" spans="2:15">
      <c r="B109" s="84"/>
      <c r="C109" s="31">
        <v>73217</v>
      </c>
      <c r="D109" s="46"/>
      <c r="E109" s="42"/>
      <c r="F109" s="42"/>
      <c r="G109" s="42"/>
      <c r="H109" s="42"/>
      <c r="I109" s="42"/>
      <c r="J109" s="42" t="s">
        <v>96</v>
      </c>
      <c r="K109" s="46"/>
      <c r="L109" s="46"/>
      <c r="M109" s="46"/>
      <c r="N109" s="76"/>
      <c r="O109" s="77"/>
    </row>
    <row r="110" spans="2:15">
      <c r="B110" s="84"/>
      <c r="C110" s="31">
        <v>180068</v>
      </c>
      <c r="D110" s="46"/>
      <c r="E110" s="42"/>
      <c r="F110" s="42"/>
      <c r="G110" s="42"/>
      <c r="H110" s="42"/>
      <c r="I110" s="42"/>
      <c r="J110" s="42"/>
      <c r="K110" s="42" t="s">
        <v>97</v>
      </c>
      <c r="L110" s="46"/>
      <c r="M110" s="46"/>
      <c r="N110" s="76"/>
      <c r="O110" s="77"/>
    </row>
    <row r="111" spans="2:15">
      <c r="B111" s="84"/>
      <c r="C111" s="31">
        <v>3109</v>
      </c>
      <c r="D111" s="46"/>
      <c r="E111" s="42"/>
      <c r="F111" s="42"/>
      <c r="G111" s="42"/>
      <c r="H111" s="42"/>
      <c r="I111" s="42"/>
      <c r="J111" s="42"/>
      <c r="K111" s="42"/>
      <c r="L111" s="42" t="s">
        <v>98</v>
      </c>
      <c r="M111" s="46"/>
      <c r="N111" s="76"/>
      <c r="O111" s="77"/>
    </row>
    <row r="112" spans="2:15">
      <c r="B112" s="84"/>
      <c r="C112" s="31">
        <v>2578</v>
      </c>
      <c r="D112" s="46"/>
      <c r="E112" s="42"/>
      <c r="F112" s="42"/>
      <c r="G112" s="42"/>
      <c r="H112" s="42"/>
      <c r="I112" s="42"/>
      <c r="J112" s="42"/>
      <c r="K112" s="42"/>
      <c r="L112" s="42"/>
      <c r="M112" s="42" t="s">
        <v>99</v>
      </c>
      <c r="N112" s="76"/>
      <c r="O112" s="77"/>
    </row>
    <row r="113" spans="2:15">
      <c r="B113" s="84"/>
      <c r="C113" s="31">
        <v>247768</v>
      </c>
      <c r="D113" s="46"/>
      <c r="E113" s="42"/>
      <c r="F113" s="42"/>
      <c r="G113" s="42"/>
      <c r="H113" s="42"/>
      <c r="I113" s="42"/>
      <c r="J113" s="42"/>
      <c r="K113" s="42"/>
      <c r="L113" s="42"/>
      <c r="M113" s="42" t="s">
        <v>24</v>
      </c>
      <c r="N113" s="76"/>
      <c r="O113" s="77"/>
    </row>
    <row r="114" spans="2:15">
      <c r="B114" s="84"/>
      <c r="C114" s="31">
        <v>247775</v>
      </c>
      <c r="D114" s="46"/>
      <c r="E114" s="42"/>
      <c r="F114" s="42"/>
      <c r="G114" s="42"/>
      <c r="H114" s="42"/>
      <c r="I114" s="42"/>
      <c r="J114" s="42"/>
      <c r="K114" s="42"/>
      <c r="L114" s="42"/>
      <c r="M114" s="42" t="s">
        <v>100</v>
      </c>
      <c r="N114" s="76"/>
      <c r="O114" s="77"/>
    </row>
    <row r="115" spans="2:15">
      <c r="B115" s="84"/>
      <c r="C115" s="31">
        <v>180071</v>
      </c>
      <c r="D115" s="46"/>
      <c r="E115" s="42"/>
      <c r="F115" s="42"/>
      <c r="G115" s="42"/>
      <c r="H115" s="42"/>
      <c r="I115" s="42"/>
      <c r="J115" s="42"/>
      <c r="K115" s="42" t="s">
        <v>101</v>
      </c>
      <c r="L115" s="46"/>
      <c r="M115" s="42"/>
      <c r="N115" s="76"/>
      <c r="O115" s="77"/>
    </row>
    <row r="116" spans="2:15">
      <c r="B116" s="84"/>
      <c r="C116" s="31">
        <v>180074</v>
      </c>
      <c r="D116" s="46"/>
      <c r="E116" s="42"/>
      <c r="F116" s="42"/>
      <c r="G116" s="42"/>
      <c r="H116" s="42"/>
      <c r="I116" s="42"/>
      <c r="J116" s="42"/>
      <c r="K116" s="42"/>
      <c r="L116" s="42" t="s">
        <v>102</v>
      </c>
      <c r="M116" s="42"/>
      <c r="N116" s="76"/>
      <c r="O116" s="77"/>
    </row>
    <row r="117" spans="2:15">
      <c r="B117" s="84"/>
      <c r="C117" s="31">
        <v>180079</v>
      </c>
      <c r="D117" s="46"/>
      <c r="E117" s="42"/>
      <c r="F117" s="42"/>
      <c r="G117" s="42"/>
      <c r="H117" s="42"/>
      <c r="I117" s="42"/>
      <c r="J117" s="42"/>
      <c r="K117" s="42"/>
      <c r="L117" s="42" t="s">
        <v>103</v>
      </c>
      <c r="M117" s="42"/>
      <c r="N117" s="76"/>
      <c r="O117" s="77"/>
    </row>
    <row r="118" spans="2:15">
      <c r="B118" s="84"/>
      <c r="C118" s="31">
        <v>180122</v>
      </c>
      <c r="D118" s="46"/>
      <c r="E118" s="42"/>
      <c r="F118" s="42"/>
      <c r="G118" s="42"/>
      <c r="H118" s="42"/>
      <c r="I118" s="42"/>
      <c r="J118" s="42" t="s">
        <v>104</v>
      </c>
      <c r="K118" s="46"/>
      <c r="L118" s="42"/>
      <c r="M118" s="42"/>
      <c r="N118" s="76"/>
      <c r="O118" s="77"/>
    </row>
    <row r="119" spans="2:15">
      <c r="B119" s="84"/>
      <c r="C119" s="31">
        <v>180126</v>
      </c>
      <c r="D119" s="46"/>
      <c r="E119" s="42"/>
      <c r="F119" s="42"/>
      <c r="G119" s="42"/>
      <c r="H119" s="42"/>
      <c r="I119" s="42"/>
      <c r="J119" s="42"/>
      <c r="K119" s="42" t="s">
        <v>105</v>
      </c>
      <c r="L119" s="42"/>
      <c r="M119" s="42"/>
      <c r="N119" s="76"/>
      <c r="O119" s="77"/>
    </row>
    <row r="120" spans="2:15">
      <c r="B120" s="84"/>
      <c r="C120" s="31">
        <v>180129</v>
      </c>
      <c r="D120" s="46"/>
      <c r="E120" s="42"/>
      <c r="F120" s="42"/>
      <c r="G120" s="42"/>
      <c r="H120" s="42"/>
      <c r="I120" s="42"/>
      <c r="J120" s="42"/>
      <c r="K120" s="42" t="s">
        <v>106</v>
      </c>
      <c r="L120" s="42"/>
      <c r="M120" s="42"/>
      <c r="N120" s="76"/>
      <c r="O120" s="77"/>
    </row>
    <row r="121" spans="2:15">
      <c r="B121" s="84"/>
      <c r="C121" s="31">
        <v>180134</v>
      </c>
      <c r="D121" s="46"/>
      <c r="E121" s="42"/>
      <c r="F121" s="42"/>
      <c r="G121" s="42"/>
      <c r="H121" s="42"/>
      <c r="I121" s="42"/>
      <c r="J121" s="42" t="s">
        <v>107</v>
      </c>
      <c r="K121" s="46"/>
      <c r="L121" s="46"/>
      <c r="M121" s="42"/>
      <c r="N121" s="76"/>
      <c r="O121" s="77"/>
    </row>
    <row r="122" spans="2:15">
      <c r="B122" s="84"/>
      <c r="C122" s="31">
        <v>180086</v>
      </c>
      <c r="D122" s="46"/>
      <c r="E122" s="42"/>
      <c r="F122" s="42"/>
      <c r="G122" s="42"/>
      <c r="H122" s="42"/>
      <c r="I122" s="42"/>
      <c r="J122" s="42"/>
      <c r="K122" s="42" t="s">
        <v>108</v>
      </c>
      <c r="L122" s="46"/>
      <c r="M122" s="42"/>
      <c r="N122" s="76"/>
      <c r="O122" s="77"/>
    </row>
    <row r="123" spans="2:15">
      <c r="B123" s="84"/>
      <c r="C123" s="31">
        <v>180106</v>
      </c>
      <c r="D123" s="46"/>
      <c r="E123" s="42"/>
      <c r="F123" s="42"/>
      <c r="G123" s="42"/>
      <c r="H123" s="42"/>
      <c r="I123" s="42"/>
      <c r="J123" s="42"/>
      <c r="K123" s="42"/>
      <c r="L123" s="42" t="s">
        <v>109</v>
      </c>
      <c r="M123" s="42"/>
      <c r="N123" s="76"/>
      <c r="O123" s="77"/>
    </row>
    <row r="124" spans="2:15">
      <c r="B124" s="84"/>
      <c r="C124" s="31">
        <v>180111</v>
      </c>
      <c r="D124" s="46"/>
      <c r="E124" s="42"/>
      <c r="F124" s="42"/>
      <c r="G124" s="42"/>
      <c r="H124" s="42"/>
      <c r="I124" s="42"/>
      <c r="J124" s="42"/>
      <c r="K124" s="42"/>
      <c r="L124" s="42" t="s">
        <v>110</v>
      </c>
      <c r="M124" s="42"/>
      <c r="N124" s="76"/>
      <c r="O124" s="77"/>
    </row>
    <row r="125" spans="2:15">
      <c r="B125" s="84"/>
      <c r="C125" s="31">
        <v>180114</v>
      </c>
      <c r="D125" s="46"/>
      <c r="E125" s="42"/>
      <c r="F125" s="42"/>
      <c r="G125" s="42"/>
      <c r="H125" s="42"/>
      <c r="I125" s="42"/>
      <c r="J125" s="42"/>
      <c r="K125" s="42" t="s">
        <v>111</v>
      </c>
      <c r="L125" s="46"/>
      <c r="M125" s="42"/>
      <c r="N125" s="76"/>
      <c r="O125" s="77"/>
    </row>
    <row r="126" spans="2:15">
      <c r="B126" s="84"/>
      <c r="C126" s="31">
        <v>180118</v>
      </c>
      <c r="D126" s="46"/>
      <c r="E126" s="42"/>
      <c r="F126" s="42"/>
      <c r="G126" s="42"/>
      <c r="H126" s="42"/>
      <c r="I126" s="42"/>
      <c r="J126" s="42"/>
      <c r="K126" s="42"/>
      <c r="L126" s="42" t="s">
        <v>112</v>
      </c>
      <c r="M126" s="42"/>
      <c r="N126" s="76"/>
      <c r="O126" s="77"/>
    </row>
    <row r="127" spans="2:15">
      <c r="B127" s="84"/>
      <c r="C127" s="31">
        <v>180139</v>
      </c>
      <c r="D127" s="46"/>
      <c r="E127" s="42"/>
      <c r="F127" s="42"/>
      <c r="G127" s="42"/>
      <c r="H127" s="42"/>
      <c r="I127" s="42"/>
      <c r="J127" s="42" t="s">
        <v>113</v>
      </c>
      <c r="K127" s="42"/>
      <c r="L127" s="42"/>
      <c r="M127" s="42"/>
      <c r="N127" s="76"/>
      <c r="O127" s="77"/>
    </row>
    <row r="128" spans="2:15">
      <c r="B128" s="84"/>
      <c r="C128" s="31">
        <v>180142</v>
      </c>
      <c r="D128" s="46"/>
      <c r="E128" s="42"/>
      <c r="F128" s="42"/>
      <c r="G128" s="42"/>
      <c r="H128" s="42"/>
      <c r="I128" s="42"/>
      <c r="J128" s="42" t="s">
        <v>114</v>
      </c>
      <c r="K128" s="42"/>
      <c r="L128" s="42"/>
      <c r="M128" s="42"/>
      <c r="N128" s="76"/>
      <c r="O128" s="77"/>
    </row>
    <row r="129" spans="2:15">
      <c r="B129" s="84"/>
      <c r="C129" s="31">
        <v>180145</v>
      </c>
      <c r="D129" s="46"/>
      <c r="E129" s="42"/>
      <c r="F129" s="42"/>
      <c r="G129" s="42"/>
      <c r="H129" s="42"/>
      <c r="I129" s="42"/>
      <c r="J129" s="42" t="s">
        <v>115</v>
      </c>
      <c r="K129" s="42"/>
      <c r="L129" s="42"/>
      <c r="M129" s="42"/>
      <c r="N129" s="76"/>
      <c r="O129" s="77"/>
    </row>
    <row r="130" spans="2:15">
      <c r="B130" s="84"/>
      <c r="C130" s="31">
        <v>180151</v>
      </c>
      <c r="D130" s="46"/>
      <c r="E130" s="42"/>
      <c r="F130" s="42"/>
      <c r="G130" s="42"/>
      <c r="H130" s="42"/>
      <c r="I130" s="42" t="s">
        <v>116</v>
      </c>
      <c r="J130" s="46"/>
      <c r="K130" s="42"/>
      <c r="L130" s="42"/>
      <c r="M130" s="42"/>
      <c r="N130" s="76"/>
      <c r="O130" s="77"/>
    </row>
    <row r="131" spans="2:15">
      <c r="B131" s="84"/>
      <c r="C131" s="31">
        <v>65681</v>
      </c>
      <c r="D131" s="46"/>
      <c r="E131" s="42"/>
      <c r="F131" s="42"/>
      <c r="G131" s="42"/>
      <c r="H131" s="42"/>
      <c r="I131" s="42"/>
      <c r="J131" s="42" t="s">
        <v>117</v>
      </c>
      <c r="K131" s="42"/>
      <c r="L131" s="42"/>
      <c r="M131" s="42"/>
      <c r="N131" s="76"/>
      <c r="O131" s="77"/>
    </row>
    <row r="132" spans="2:15">
      <c r="B132" s="84"/>
      <c r="C132" s="31">
        <v>96269</v>
      </c>
      <c r="D132" s="46"/>
      <c r="E132" s="42"/>
      <c r="F132" s="42"/>
      <c r="G132" s="42"/>
      <c r="H132" s="42"/>
      <c r="I132" s="42"/>
      <c r="J132" s="42" t="s">
        <v>118</v>
      </c>
      <c r="K132" s="42"/>
      <c r="L132" s="42"/>
      <c r="M132" s="42"/>
      <c r="N132" s="76"/>
      <c r="O132" s="77"/>
    </row>
    <row r="133" spans="2:15">
      <c r="B133" s="84"/>
      <c r="C133" s="31">
        <v>180154</v>
      </c>
      <c r="D133" s="46"/>
      <c r="E133" s="42"/>
      <c r="F133" s="42"/>
      <c r="G133" s="42"/>
      <c r="H133" s="42"/>
      <c r="I133" s="42"/>
      <c r="J133" s="42" t="s">
        <v>119</v>
      </c>
      <c r="K133" s="46"/>
      <c r="L133" s="42"/>
      <c r="M133" s="42"/>
      <c r="N133" s="76"/>
      <c r="O133" s="77"/>
    </row>
    <row r="134" spans="2:15">
      <c r="B134" s="84"/>
      <c r="C134" s="31">
        <v>180157</v>
      </c>
      <c r="D134" s="46"/>
      <c r="E134" s="42"/>
      <c r="F134" s="42"/>
      <c r="G134" s="42"/>
      <c r="H134" s="42"/>
      <c r="I134" s="42"/>
      <c r="J134" s="42"/>
      <c r="K134" s="42" t="s">
        <v>120</v>
      </c>
      <c r="L134" s="42"/>
      <c r="M134" s="42"/>
      <c r="N134" s="76"/>
      <c r="O134" s="77"/>
    </row>
    <row r="135" spans="2:15">
      <c r="B135" s="84"/>
      <c r="C135" s="31">
        <v>180160</v>
      </c>
      <c r="D135" s="46"/>
      <c r="E135" s="42"/>
      <c r="F135" s="42"/>
      <c r="G135" s="42"/>
      <c r="H135" s="42"/>
      <c r="I135" s="42"/>
      <c r="J135" s="42"/>
      <c r="K135" s="42" t="s">
        <v>121</v>
      </c>
      <c r="L135" s="42"/>
      <c r="M135" s="42"/>
      <c r="N135" s="76"/>
      <c r="O135" s="77"/>
    </row>
    <row r="136" spans="2:15">
      <c r="B136" s="84"/>
      <c r="C136" s="31">
        <v>182121</v>
      </c>
      <c r="D136" s="46"/>
      <c r="E136" s="42"/>
      <c r="F136" s="42"/>
      <c r="G136" s="42"/>
      <c r="H136" s="42" t="s">
        <v>122</v>
      </c>
      <c r="I136" s="46"/>
      <c r="J136" s="42"/>
      <c r="K136" s="42"/>
      <c r="L136" s="42"/>
      <c r="M136" s="42"/>
      <c r="N136" s="76"/>
      <c r="O136" s="77"/>
    </row>
    <row r="137" spans="2:15">
      <c r="B137" s="84"/>
      <c r="C137" s="31">
        <v>48</v>
      </c>
      <c r="D137" s="46"/>
      <c r="E137" s="42"/>
      <c r="F137" s="42"/>
      <c r="G137" s="42"/>
      <c r="H137" s="42"/>
      <c r="I137" s="42" t="s">
        <v>123</v>
      </c>
      <c r="J137" s="42"/>
      <c r="K137" s="42"/>
      <c r="L137" s="42"/>
      <c r="M137" s="42"/>
      <c r="N137" s="76"/>
      <c r="O137" s="77"/>
    </row>
    <row r="138" spans="2:15">
      <c r="B138" s="84"/>
      <c r="C138" s="31">
        <v>2842</v>
      </c>
      <c r="D138" s="46"/>
      <c r="E138" s="42"/>
      <c r="F138" s="42"/>
      <c r="G138" s="42"/>
      <c r="H138" s="42"/>
      <c r="I138" s="42" t="s">
        <v>124</v>
      </c>
      <c r="J138" s="42"/>
      <c r="K138" s="42"/>
      <c r="L138" s="42"/>
      <c r="M138" s="42"/>
      <c r="N138" s="76"/>
      <c r="O138" s="77"/>
    </row>
    <row r="139" spans="2:15">
      <c r="B139" s="84"/>
      <c r="C139" s="31">
        <v>440</v>
      </c>
      <c r="D139" s="46"/>
      <c r="E139" s="42"/>
      <c r="F139" s="42"/>
      <c r="G139" s="42"/>
      <c r="H139" s="42"/>
      <c r="I139" s="42" t="s">
        <v>125</v>
      </c>
      <c r="J139" s="42"/>
      <c r="K139" s="42"/>
      <c r="L139" s="42"/>
      <c r="M139" s="42"/>
      <c r="N139" s="76"/>
      <c r="O139" s="77"/>
    </row>
    <row r="140" spans="2:15">
      <c r="B140" s="84"/>
      <c r="C140" s="31">
        <v>49</v>
      </c>
      <c r="D140" s="46"/>
      <c r="E140" s="42"/>
      <c r="F140" s="42"/>
      <c r="G140" s="42"/>
      <c r="H140" s="42"/>
      <c r="I140" s="42" t="s">
        <v>41</v>
      </c>
      <c r="J140" s="42"/>
      <c r="K140" s="42"/>
      <c r="L140" s="42"/>
      <c r="M140" s="42"/>
      <c r="N140" s="76"/>
      <c r="O140" s="77"/>
    </row>
    <row r="141" spans="2:15">
      <c r="B141" s="84"/>
      <c r="C141" s="31">
        <v>227</v>
      </c>
      <c r="D141" s="46"/>
      <c r="E141" s="42"/>
      <c r="F141" s="42"/>
      <c r="G141" s="42"/>
      <c r="H141" s="42"/>
      <c r="I141" s="42" t="s">
        <v>126</v>
      </c>
      <c r="J141" s="42"/>
      <c r="K141" s="42"/>
      <c r="L141" s="42"/>
      <c r="M141" s="42"/>
      <c r="N141" s="76"/>
      <c r="O141" s="77"/>
    </row>
    <row r="142" spans="2:15">
      <c r="B142" s="84"/>
      <c r="C142" s="31">
        <v>95706</v>
      </c>
      <c r="D142" s="46"/>
      <c r="E142" s="42"/>
      <c r="F142" s="42"/>
      <c r="G142" s="42"/>
      <c r="H142" s="42"/>
      <c r="I142" s="42" t="s">
        <v>127</v>
      </c>
      <c r="J142" s="42"/>
      <c r="K142" s="42"/>
      <c r="L142" s="42"/>
      <c r="M142" s="42"/>
      <c r="N142" s="76"/>
      <c r="O142" s="77"/>
    </row>
    <row r="143" spans="2:15">
      <c r="B143" s="84"/>
      <c r="C143" s="31">
        <v>95707</v>
      </c>
      <c r="D143" s="46"/>
      <c r="E143" s="42"/>
      <c r="F143" s="42"/>
      <c r="G143" s="42"/>
      <c r="H143" s="42"/>
      <c r="I143" s="42" t="s">
        <v>128</v>
      </c>
      <c r="J143" s="42"/>
      <c r="K143" s="42"/>
      <c r="L143" s="42"/>
      <c r="M143" s="42"/>
      <c r="N143" s="76"/>
      <c r="O143" s="77"/>
    </row>
    <row r="144" spans="2:15">
      <c r="B144" s="84"/>
      <c r="C144" s="31">
        <v>182124</v>
      </c>
      <c r="D144" s="46"/>
      <c r="E144" s="42"/>
      <c r="F144" s="42"/>
      <c r="G144" s="42"/>
      <c r="H144" s="42" t="s">
        <v>129</v>
      </c>
      <c r="I144" s="46"/>
      <c r="J144" s="46"/>
      <c r="K144" s="42"/>
      <c r="L144" s="42"/>
      <c r="M144" s="42"/>
      <c r="N144" s="76"/>
      <c r="O144" s="77"/>
    </row>
    <row r="145" spans="2:15">
      <c r="B145" s="84"/>
      <c r="C145" s="31">
        <v>322</v>
      </c>
      <c r="D145" s="46"/>
      <c r="E145" s="42"/>
      <c r="F145" s="42"/>
      <c r="G145" s="42"/>
      <c r="H145" s="42"/>
      <c r="I145" s="42" t="s">
        <v>130</v>
      </c>
      <c r="J145" s="46"/>
      <c r="K145" s="42"/>
      <c r="L145" s="42"/>
      <c r="M145" s="42"/>
      <c r="N145" s="76"/>
      <c r="O145" s="77"/>
    </row>
    <row r="146" spans="2:15">
      <c r="B146" s="84"/>
      <c r="C146" s="31">
        <v>93928</v>
      </c>
      <c r="D146" s="46"/>
      <c r="E146" s="42"/>
      <c r="F146" s="42"/>
      <c r="G146" s="42"/>
      <c r="H146" s="42"/>
      <c r="I146" s="42"/>
      <c r="J146" s="42" t="s">
        <v>131</v>
      </c>
      <c r="K146" s="42"/>
      <c r="L146" s="42"/>
      <c r="M146" s="42"/>
      <c r="N146" s="76"/>
      <c r="O146" s="77"/>
    </row>
    <row r="147" spans="2:15">
      <c r="B147" s="84"/>
      <c r="C147" s="31">
        <v>93929</v>
      </c>
      <c r="D147" s="46"/>
      <c r="E147" s="42"/>
      <c r="F147" s="42"/>
      <c r="G147" s="42"/>
      <c r="H147" s="42"/>
      <c r="I147" s="42"/>
      <c r="J147" s="42" t="s">
        <v>132</v>
      </c>
      <c r="K147" s="42"/>
      <c r="L147" s="42"/>
      <c r="M147" s="42"/>
      <c r="N147" s="76"/>
      <c r="O147" s="77"/>
    </row>
    <row r="148" spans="2:15">
      <c r="B148" s="84"/>
      <c r="C148" s="31">
        <v>93930</v>
      </c>
      <c r="D148" s="46"/>
      <c r="E148" s="42"/>
      <c r="F148" s="42"/>
      <c r="G148" s="42"/>
      <c r="H148" s="42"/>
      <c r="I148" s="42"/>
      <c r="J148" s="42" t="s">
        <v>133</v>
      </c>
      <c r="K148" s="42"/>
      <c r="L148" s="42"/>
      <c r="M148" s="42"/>
      <c r="N148" s="76"/>
      <c r="O148" s="77"/>
    </row>
    <row r="149" spans="2:15">
      <c r="B149" s="84"/>
      <c r="C149" s="31">
        <v>105</v>
      </c>
      <c r="D149" s="46"/>
      <c r="E149" s="42"/>
      <c r="F149" s="42"/>
      <c r="G149" s="42"/>
      <c r="H149" s="42"/>
      <c r="I149" s="42" t="s">
        <v>134</v>
      </c>
      <c r="J149" s="42"/>
      <c r="K149" s="42"/>
      <c r="L149" s="42"/>
      <c r="M149" s="42"/>
      <c r="N149" s="76"/>
      <c r="O149" s="77"/>
    </row>
    <row r="150" spans="2:15">
      <c r="B150" s="84"/>
      <c r="C150" s="31">
        <v>237</v>
      </c>
      <c r="D150" s="46"/>
      <c r="E150" s="42"/>
      <c r="F150" s="42"/>
      <c r="G150" s="42"/>
      <c r="H150" s="42"/>
      <c r="I150" s="42" t="s">
        <v>135</v>
      </c>
      <c r="J150" s="42"/>
      <c r="K150" s="42"/>
      <c r="L150" s="42"/>
      <c r="M150" s="42"/>
      <c r="N150" s="76"/>
      <c r="O150" s="77"/>
    </row>
    <row r="151" spans="2:15">
      <c r="B151" s="84"/>
      <c r="C151" s="31">
        <v>617</v>
      </c>
      <c r="D151" s="46"/>
      <c r="E151" s="42"/>
      <c r="F151" s="42"/>
      <c r="G151" s="42"/>
      <c r="H151" s="42"/>
      <c r="I151" s="42" t="s">
        <v>136</v>
      </c>
      <c r="J151" s="42"/>
      <c r="K151" s="42"/>
      <c r="L151" s="42"/>
      <c r="M151" s="42"/>
      <c r="N151" s="76"/>
      <c r="O151" s="77"/>
    </row>
    <row r="152" spans="2:15">
      <c r="B152" s="84"/>
      <c r="C152" s="31">
        <v>488</v>
      </c>
      <c r="D152" s="46"/>
      <c r="E152" s="42"/>
      <c r="F152" s="42"/>
      <c r="G152" s="42"/>
      <c r="H152" s="42"/>
      <c r="I152" s="42" t="s">
        <v>137</v>
      </c>
      <c r="J152" s="42"/>
      <c r="K152" s="42"/>
      <c r="L152" s="42"/>
      <c r="M152" s="42"/>
      <c r="N152" s="76"/>
      <c r="O152" s="77"/>
    </row>
    <row r="153" spans="2:15">
      <c r="B153" s="84"/>
      <c r="C153" s="31">
        <v>93110</v>
      </c>
      <c r="D153" s="46"/>
      <c r="E153" s="42"/>
      <c r="F153" s="42"/>
      <c r="G153" s="42"/>
      <c r="H153" s="42"/>
      <c r="I153" s="42" t="s">
        <v>138</v>
      </c>
      <c r="J153" s="42"/>
      <c r="K153" s="42"/>
      <c r="L153" s="42"/>
      <c r="M153" s="42"/>
      <c r="N153" s="76"/>
      <c r="O153" s="77"/>
    </row>
    <row r="154" spans="2:15">
      <c r="B154" s="84"/>
      <c r="C154" s="31">
        <v>289365</v>
      </c>
      <c r="D154" s="46"/>
      <c r="E154" s="42"/>
      <c r="F154" s="42"/>
      <c r="G154" s="42"/>
      <c r="H154" s="42"/>
      <c r="I154" s="42" t="s">
        <v>139</v>
      </c>
      <c r="J154" s="42"/>
      <c r="K154" s="42"/>
      <c r="L154" s="42"/>
      <c r="M154" s="42"/>
      <c r="N154" s="76"/>
      <c r="O154" s="77"/>
    </row>
    <row r="155" spans="2:15">
      <c r="B155" s="84"/>
      <c r="C155" s="31">
        <v>165707</v>
      </c>
      <c r="D155" s="46"/>
      <c r="E155" s="42"/>
      <c r="F155" s="42"/>
      <c r="G155" s="42" t="s">
        <v>140</v>
      </c>
      <c r="H155" s="46"/>
      <c r="I155" s="42"/>
      <c r="J155" s="42"/>
      <c r="K155" s="42"/>
      <c r="L155" s="42"/>
      <c r="M155" s="42"/>
      <c r="N155" s="76"/>
      <c r="O155" s="77"/>
    </row>
    <row r="156" spans="2:15">
      <c r="B156" s="84"/>
      <c r="C156" s="31">
        <v>2508</v>
      </c>
      <c r="D156" s="46"/>
      <c r="E156" s="42"/>
      <c r="F156" s="42"/>
      <c r="G156" s="42"/>
      <c r="H156" s="42" t="s">
        <v>141</v>
      </c>
      <c r="I156" s="42"/>
      <c r="J156" s="42"/>
      <c r="K156" s="42"/>
      <c r="L156" s="42"/>
      <c r="M156" s="42"/>
      <c r="N156" s="76"/>
      <c r="O156" s="77"/>
    </row>
    <row r="157" spans="2:15">
      <c r="B157" s="84"/>
      <c r="C157" s="31">
        <v>881</v>
      </c>
      <c r="D157" s="46"/>
      <c r="E157" s="42"/>
      <c r="F157" s="42"/>
      <c r="G157" s="42"/>
      <c r="H157" s="42" t="s">
        <v>34</v>
      </c>
      <c r="I157" s="46"/>
      <c r="J157" s="42"/>
      <c r="K157" s="42"/>
      <c r="L157" s="42"/>
      <c r="M157" s="42"/>
      <c r="N157" s="76"/>
      <c r="O157" s="77"/>
    </row>
    <row r="158" spans="2:15">
      <c r="B158" s="84"/>
      <c r="C158" s="31">
        <v>99226</v>
      </c>
      <c r="D158" s="46"/>
      <c r="E158" s="42"/>
      <c r="F158" s="42"/>
      <c r="G158" s="42"/>
      <c r="H158" s="42"/>
      <c r="I158" s="42" t="s">
        <v>35</v>
      </c>
      <c r="J158" s="42"/>
      <c r="K158" s="42"/>
      <c r="L158" s="42"/>
      <c r="M158" s="42"/>
      <c r="N158" s="76"/>
      <c r="O158" s="77"/>
    </row>
    <row r="159" spans="2:15">
      <c r="B159" s="84"/>
      <c r="C159" s="31">
        <v>99413</v>
      </c>
      <c r="D159" s="46"/>
      <c r="E159" s="42"/>
      <c r="F159" s="42"/>
      <c r="G159" s="42"/>
      <c r="H159" s="42"/>
      <c r="I159" s="42" t="s">
        <v>36</v>
      </c>
      <c r="J159" s="42"/>
      <c r="K159" s="42"/>
      <c r="L159" s="42"/>
      <c r="M159" s="42"/>
      <c r="N159" s="76"/>
      <c r="O159" s="77"/>
    </row>
    <row r="160" spans="2:15">
      <c r="B160" s="84"/>
      <c r="C160" s="31">
        <v>99228</v>
      </c>
      <c r="D160" s="46"/>
      <c r="E160" s="42"/>
      <c r="F160" s="42"/>
      <c r="G160" s="42"/>
      <c r="H160" s="42"/>
      <c r="I160" s="42" t="s">
        <v>37</v>
      </c>
      <c r="J160" s="42"/>
      <c r="K160" s="42"/>
      <c r="L160" s="42"/>
      <c r="M160" s="42"/>
      <c r="N160" s="76"/>
      <c r="O160" s="77"/>
    </row>
    <row r="161" spans="2:15">
      <c r="B161" s="84"/>
      <c r="C161" s="31">
        <v>1974</v>
      </c>
      <c r="D161" s="46"/>
      <c r="E161" s="42"/>
      <c r="F161" s="42"/>
      <c r="G161" s="42"/>
      <c r="H161" s="42" t="s">
        <v>142</v>
      </c>
      <c r="I161" s="42"/>
      <c r="J161" s="42"/>
      <c r="K161" s="42"/>
      <c r="L161" s="42"/>
      <c r="M161" s="42"/>
      <c r="N161" s="76"/>
      <c r="O161" s="77"/>
    </row>
    <row r="162" spans="2:15">
      <c r="B162" s="84"/>
      <c r="C162" s="31">
        <v>138</v>
      </c>
      <c r="D162" s="46"/>
      <c r="E162" s="42"/>
      <c r="F162" s="42"/>
      <c r="G162" s="42"/>
      <c r="H162" s="42" t="s">
        <v>143</v>
      </c>
      <c r="I162" s="42"/>
      <c r="J162" s="42"/>
      <c r="K162" s="42"/>
      <c r="L162" s="42"/>
      <c r="M162" s="42"/>
      <c r="N162" s="76"/>
      <c r="O162" s="77"/>
    </row>
    <row r="163" spans="2:15">
      <c r="B163" s="84"/>
      <c r="C163" s="31">
        <v>1046</v>
      </c>
      <c r="D163" s="46"/>
      <c r="E163" s="42"/>
      <c r="F163" s="42"/>
      <c r="G163" s="42"/>
      <c r="H163" s="42" t="s">
        <v>144</v>
      </c>
      <c r="I163" s="42"/>
      <c r="J163" s="42"/>
      <c r="K163" s="42"/>
      <c r="L163" s="42"/>
      <c r="M163" s="42"/>
      <c r="N163" s="76"/>
      <c r="O163" s="77"/>
    </row>
    <row r="164" spans="2:15">
      <c r="B164" s="84"/>
      <c r="C164" s="31">
        <v>85173</v>
      </c>
      <c r="D164" s="46"/>
      <c r="E164" s="42"/>
      <c r="F164" s="42"/>
      <c r="G164" s="42"/>
      <c r="H164" s="42" t="s">
        <v>145</v>
      </c>
      <c r="I164" s="42"/>
      <c r="J164" s="42"/>
      <c r="K164" s="42"/>
      <c r="L164" s="42"/>
      <c r="M164" s="42"/>
      <c r="N164" s="76"/>
      <c r="O164" s="77"/>
    </row>
    <row r="165" spans="2:15">
      <c r="B165" s="84"/>
      <c r="C165" s="31">
        <v>2970</v>
      </c>
      <c r="D165" s="46"/>
      <c r="E165" s="42"/>
      <c r="F165" s="42"/>
      <c r="G165" s="42"/>
      <c r="H165" s="42" t="s">
        <v>146</v>
      </c>
      <c r="I165" s="46"/>
      <c r="J165" s="42"/>
      <c r="K165" s="42"/>
      <c r="L165" s="42"/>
      <c r="M165" s="42"/>
      <c r="N165" s="76"/>
      <c r="O165" s="77"/>
    </row>
    <row r="166" spans="2:15">
      <c r="B166" s="84"/>
      <c r="C166" s="31">
        <v>93178</v>
      </c>
      <c r="D166" s="46"/>
      <c r="E166" s="42"/>
      <c r="F166" s="42"/>
      <c r="G166" s="42"/>
      <c r="H166" s="42"/>
      <c r="I166" s="42" t="s">
        <v>147</v>
      </c>
      <c r="J166" s="42"/>
      <c r="K166" s="42"/>
      <c r="L166" s="42"/>
      <c r="M166" s="42"/>
      <c r="N166" s="76"/>
      <c r="O166" s="77"/>
    </row>
    <row r="167" spans="2:15">
      <c r="B167" s="84"/>
      <c r="C167" s="31">
        <v>3027</v>
      </c>
      <c r="D167" s="46"/>
      <c r="E167" s="42"/>
      <c r="F167" s="42"/>
      <c r="G167" s="42"/>
      <c r="H167" s="42" t="s">
        <v>148</v>
      </c>
      <c r="I167" s="42"/>
      <c r="J167" s="42"/>
      <c r="K167" s="42"/>
      <c r="L167" s="42"/>
      <c r="M167" s="42"/>
      <c r="N167" s="76"/>
      <c r="O167" s="77"/>
    </row>
    <row r="168" spans="2:15">
      <c r="B168" s="84"/>
      <c r="C168" s="31">
        <v>2601</v>
      </c>
      <c r="D168" s="46"/>
      <c r="E168" s="42"/>
      <c r="F168" s="42"/>
      <c r="G168" s="42"/>
      <c r="H168" s="42" t="s">
        <v>149</v>
      </c>
      <c r="I168" s="42"/>
      <c r="J168" s="42"/>
      <c r="K168" s="42"/>
      <c r="L168" s="42"/>
      <c r="M168" s="42"/>
      <c r="N168" s="76"/>
      <c r="O168" s="77"/>
    </row>
    <row r="169" spans="2:15">
      <c r="B169" s="84"/>
      <c r="C169" s="31">
        <v>3176</v>
      </c>
      <c r="D169" s="46"/>
      <c r="E169" s="42"/>
      <c r="F169" s="42"/>
      <c r="G169" s="42"/>
      <c r="H169" s="42" t="s">
        <v>150</v>
      </c>
      <c r="I169" s="42"/>
      <c r="J169" s="42"/>
      <c r="K169" s="42"/>
      <c r="L169" s="42"/>
      <c r="M169" s="42"/>
      <c r="N169" s="76"/>
      <c r="O169" s="77"/>
    </row>
    <row r="170" spans="2:15">
      <c r="B170" s="84"/>
      <c r="C170" s="31">
        <v>1850</v>
      </c>
      <c r="D170" s="46"/>
      <c r="E170" s="42"/>
      <c r="F170" s="42"/>
      <c r="G170" s="42"/>
      <c r="H170" s="42" t="s">
        <v>151</v>
      </c>
      <c r="I170" s="42"/>
      <c r="J170" s="42"/>
      <c r="K170" s="42"/>
      <c r="L170" s="42"/>
      <c r="M170" s="42"/>
      <c r="N170" s="76"/>
      <c r="O170" s="77"/>
    </row>
    <row r="171" spans="2:15">
      <c r="B171" s="84"/>
      <c r="C171" s="31">
        <v>2042</v>
      </c>
      <c r="D171" s="46"/>
      <c r="E171" s="42"/>
      <c r="F171" s="42"/>
      <c r="G171" s="42"/>
      <c r="H171" s="42" t="s">
        <v>152</v>
      </c>
      <c r="I171" s="42"/>
      <c r="J171" s="42"/>
      <c r="K171" s="42"/>
      <c r="L171" s="42"/>
      <c r="M171" s="42"/>
      <c r="N171" s="76"/>
      <c r="O171" s="77"/>
    </row>
    <row r="172" spans="2:15">
      <c r="B172" s="84"/>
      <c r="C172" s="31">
        <v>2211</v>
      </c>
      <c r="D172" s="46"/>
      <c r="E172" s="42"/>
      <c r="F172" s="42"/>
      <c r="G172" s="42"/>
      <c r="H172" s="42" t="s">
        <v>153</v>
      </c>
      <c r="I172" s="42"/>
      <c r="J172" s="42"/>
      <c r="K172" s="42"/>
      <c r="L172" s="42"/>
      <c r="M172" s="42"/>
      <c r="N172" s="76"/>
      <c r="O172" s="77"/>
    </row>
    <row r="173" spans="2:15">
      <c r="B173" s="84"/>
      <c r="C173" s="31">
        <v>2252</v>
      </c>
      <c r="D173" s="46"/>
      <c r="E173" s="42"/>
      <c r="F173" s="42"/>
      <c r="G173" s="42"/>
      <c r="H173" s="42" t="s">
        <v>154</v>
      </c>
      <c r="I173" s="42"/>
      <c r="J173" s="42"/>
      <c r="K173" s="42"/>
      <c r="L173" s="42"/>
      <c r="M173" s="42"/>
      <c r="N173" s="76"/>
      <c r="O173" s="77"/>
    </row>
    <row r="174" spans="2:15">
      <c r="B174" s="84"/>
      <c r="C174" s="31">
        <v>2261</v>
      </c>
      <c r="D174" s="46"/>
      <c r="E174" s="42"/>
      <c r="F174" s="42"/>
      <c r="G174" s="42"/>
      <c r="H174" s="42" t="s">
        <v>155</v>
      </c>
      <c r="I174" s="42"/>
      <c r="J174" s="42"/>
      <c r="K174" s="42"/>
      <c r="L174" s="42"/>
      <c r="M174" s="42"/>
      <c r="N174" s="76"/>
      <c r="O174" s="77"/>
    </row>
    <row r="175" spans="2:15">
      <c r="B175" s="84"/>
      <c r="C175" s="31">
        <v>2353</v>
      </c>
      <c r="D175" s="46"/>
      <c r="E175" s="42"/>
      <c r="F175" s="42"/>
      <c r="G175" s="42"/>
      <c r="H175" s="42" t="s">
        <v>156</v>
      </c>
      <c r="I175" s="42"/>
      <c r="J175" s="42"/>
      <c r="K175" s="42"/>
      <c r="L175" s="42"/>
      <c r="M175" s="42"/>
      <c r="N175" s="76"/>
      <c r="O175" s="77"/>
    </row>
    <row r="176" spans="2:15">
      <c r="B176" s="84"/>
      <c r="C176" s="31">
        <v>2437</v>
      </c>
      <c r="D176" s="46"/>
      <c r="E176" s="42"/>
      <c r="F176" s="42"/>
      <c r="G176" s="42"/>
      <c r="H176" s="42" t="s">
        <v>157</v>
      </c>
      <c r="I176" s="42"/>
      <c r="J176" s="42"/>
      <c r="K176" s="42"/>
      <c r="L176" s="42"/>
      <c r="M176" s="42"/>
      <c r="N176" s="76"/>
      <c r="O176" s="77"/>
    </row>
    <row r="177" spans="2:15">
      <c r="B177" s="84"/>
      <c r="C177" s="31">
        <v>2487</v>
      </c>
      <c r="D177" s="46"/>
      <c r="E177" s="42"/>
      <c r="F177" s="42"/>
      <c r="G177" s="42"/>
      <c r="H177" s="42" t="s">
        <v>158</v>
      </c>
      <c r="I177" s="42"/>
      <c r="J177" s="42"/>
      <c r="K177" s="42"/>
      <c r="L177" s="42"/>
      <c r="M177" s="42"/>
      <c r="N177" s="76"/>
      <c r="O177" s="77"/>
    </row>
    <row r="178" spans="2:15">
      <c r="B178" s="84"/>
      <c r="C178" s="31">
        <v>2491</v>
      </c>
      <c r="D178" s="46"/>
      <c r="E178" s="42"/>
      <c r="F178" s="42"/>
      <c r="G178" s="42"/>
      <c r="H178" s="42" t="s">
        <v>159</v>
      </c>
      <c r="I178" s="42"/>
      <c r="J178" s="42"/>
      <c r="K178" s="42"/>
      <c r="L178" s="42"/>
      <c r="M178" s="42"/>
      <c r="N178" s="76"/>
      <c r="O178" s="77"/>
    </row>
    <row r="179" spans="2:15">
      <c r="B179" s="84"/>
      <c r="C179" s="31">
        <v>2669</v>
      </c>
      <c r="D179" s="46"/>
      <c r="E179" s="42"/>
      <c r="F179" s="42"/>
      <c r="G179" s="42"/>
      <c r="H179" s="42" t="s">
        <v>160</v>
      </c>
      <c r="I179" s="42"/>
      <c r="J179" s="42"/>
      <c r="K179" s="42"/>
      <c r="L179" s="42"/>
      <c r="M179" s="42"/>
      <c r="N179" s="76"/>
      <c r="O179" s="77"/>
    </row>
    <row r="180" spans="2:15">
      <c r="B180" s="84"/>
      <c r="C180" s="31">
        <v>2957</v>
      </c>
      <c r="D180" s="46"/>
      <c r="E180" s="42"/>
      <c r="F180" s="42"/>
      <c r="G180" s="42"/>
      <c r="H180" s="42" t="s">
        <v>161</v>
      </c>
      <c r="I180" s="42"/>
      <c r="J180" s="42"/>
      <c r="K180" s="42"/>
      <c r="L180" s="42"/>
      <c r="M180" s="42"/>
      <c r="N180" s="76"/>
      <c r="O180" s="77"/>
    </row>
    <row r="181" spans="2:15">
      <c r="B181" s="84"/>
      <c r="C181" s="31">
        <v>3224</v>
      </c>
      <c r="D181" s="46"/>
      <c r="E181" s="42"/>
      <c r="F181" s="42"/>
      <c r="G181" s="42"/>
      <c r="H181" s="42" t="s">
        <v>162</v>
      </c>
      <c r="I181" s="42"/>
      <c r="J181" s="42"/>
      <c r="K181" s="42"/>
      <c r="L181" s="42"/>
      <c r="M181" s="42"/>
      <c r="N181" s="76"/>
      <c r="O181" s="77"/>
    </row>
    <row r="182" spans="2:15">
      <c r="B182" s="84"/>
      <c r="C182" s="31">
        <v>2745</v>
      </c>
      <c r="D182" s="46"/>
      <c r="E182" s="42"/>
      <c r="F182" s="42"/>
      <c r="G182" s="42"/>
      <c r="H182" s="42" t="s">
        <v>163</v>
      </c>
      <c r="I182" s="46"/>
      <c r="J182" s="42"/>
      <c r="K182" s="42"/>
      <c r="L182" s="42"/>
      <c r="M182" s="42"/>
      <c r="N182" s="76"/>
      <c r="O182" s="77"/>
    </row>
    <row r="183" spans="2:15">
      <c r="B183" s="84"/>
      <c r="C183" s="31">
        <v>306588</v>
      </c>
      <c r="D183" s="46"/>
      <c r="E183" s="42"/>
      <c r="F183" s="42"/>
      <c r="G183" s="42"/>
      <c r="H183" s="42"/>
      <c r="I183" s="42" t="s">
        <v>164</v>
      </c>
      <c r="J183" s="42"/>
      <c r="K183" s="42"/>
      <c r="L183" s="42"/>
      <c r="M183" s="42"/>
      <c r="N183" s="76"/>
      <c r="O183" s="77"/>
    </row>
    <row r="184" spans="2:15">
      <c r="B184" s="84"/>
      <c r="C184" s="31">
        <v>306597</v>
      </c>
      <c r="D184" s="46"/>
      <c r="E184" s="42"/>
      <c r="F184" s="42"/>
      <c r="G184" s="42"/>
      <c r="H184" s="42"/>
      <c r="I184" s="42" t="s">
        <v>165</v>
      </c>
      <c r="J184" s="42"/>
      <c r="K184" s="42"/>
      <c r="L184" s="42"/>
      <c r="M184" s="42"/>
      <c r="N184" s="76"/>
      <c r="O184" s="77"/>
    </row>
    <row r="185" spans="2:15">
      <c r="B185" s="84"/>
      <c r="C185" s="31">
        <v>3411</v>
      </c>
      <c r="D185" s="46"/>
      <c r="E185" s="42"/>
      <c r="F185" s="42"/>
      <c r="G185" s="42"/>
      <c r="H185" s="42" t="s">
        <v>166</v>
      </c>
      <c r="I185" s="42"/>
      <c r="J185" s="42"/>
      <c r="K185" s="42"/>
      <c r="L185" s="42"/>
      <c r="M185" s="42"/>
      <c r="N185" s="76"/>
      <c r="O185" s="77"/>
    </row>
    <row r="186" spans="2:15">
      <c r="B186" s="84"/>
      <c r="C186" s="31">
        <v>94095</v>
      </c>
      <c r="D186" s="46"/>
      <c r="E186" s="42"/>
      <c r="F186" s="42"/>
      <c r="G186" s="42"/>
      <c r="H186" s="42" t="s">
        <v>167</v>
      </c>
      <c r="I186" s="42"/>
      <c r="J186" s="42"/>
      <c r="K186" s="42"/>
      <c r="L186" s="42"/>
      <c r="M186" s="42"/>
      <c r="N186" s="76"/>
      <c r="O186" s="77"/>
    </row>
    <row r="187" spans="2:15">
      <c r="B187" s="84"/>
      <c r="C187" s="31">
        <v>10</v>
      </c>
      <c r="D187" s="46"/>
      <c r="E187" s="42"/>
      <c r="F187" s="42"/>
      <c r="G187" s="42"/>
      <c r="H187" s="42" t="s">
        <v>33</v>
      </c>
      <c r="I187" s="42"/>
      <c r="J187" s="42"/>
      <c r="K187" s="42"/>
      <c r="L187" s="42"/>
      <c r="M187" s="42"/>
      <c r="N187" s="76"/>
      <c r="O187" s="77"/>
    </row>
    <row r="188" spans="2:15">
      <c r="B188" s="84"/>
      <c r="C188" s="31">
        <v>93972</v>
      </c>
      <c r="D188" s="46"/>
      <c r="E188" s="42"/>
      <c r="F188" s="42"/>
      <c r="G188" s="42"/>
      <c r="H188" s="42" t="s">
        <v>168</v>
      </c>
      <c r="I188" s="42"/>
      <c r="J188" s="42"/>
      <c r="K188" s="42"/>
      <c r="L188" s="42"/>
      <c r="M188" s="42"/>
      <c r="N188" s="76"/>
      <c r="O188" s="77"/>
    </row>
    <row r="189" spans="2:15">
      <c r="B189" s="84"/>
      <c r="C189" s="31">
        <v>915</v>
      </c>
      <c r="D189" s="46"/>
      <c r="E189" s="42"/>
      <c r="F189" s="42"/>
      <c r="G189" s="42"/>
      <c r="H189" s="42" t="s">
        <v>169</v>
      </c>
      <c r="I189" s="42"/>
      <c r="J189" s="42"/>
      <c r="K189" s="42"/>
      <c r="L189" s="42"/>
      <c r="M189" s="42"/>
      <c r="N189" s="76"/>
      <c r="O189" s="77"/>
    </row>
    <row r="190" spans="2:15">
      <c r="B190" s="84"/>
      <c r="C190" s="31">
        <v>3423</v>
      </c>
      <c r="D190" s="46"/>
      <c r="E190" s="42"/>
      <c r="F190" s="42"/>
      <c r="G190" s="42"/>
      <c r="H190" s="42" t="s">
        <v>170</v>
      </c>
      <c r="I190" s="42"/>
      <c r="J190" s="42"/>
      <c r="K190" s="42"/>
      <c r="L190" s="42"/>
      <c r="M190" s="42"/>
      <c r="N190" s="76"/>
      <c r="O190" s="77"/>
    </row>
    <row r="191" spans="2:15">
      <c r="B191" s="84"/>
      <c r="C191" s="31">
        <v>3341</v>
      </c>
      <c r="D191" s="46"/>
      <c r="E191" s="42"/>
      <c r="F191" s="42"/>
      <c r="G191" s="42"/>
      <c r="H191" s="42" t="s">
        <v>171</v>
      </c>
      <c r="I191" s="42"/>
      <c r="J191" s="42"/>
      <c r="K191" s="42"/>
      <c r="L191" s="42"/>
      <c r="M191" s="42"/>
      <c r="N191" s="76"/>
      <c r="O191" s="77"/>
    </row>
    <row r="192" spans="2:15">
      <c r="B192" s="84"/>
      <c r="C192" s="31">
        <v>921</v>
      </c>
      <c r="D192" s="46"/>
      <c r="E192" s="42"/>
      <c r="F192" s="42"/>
      <c r="G192" s="42"/>
      <c r="H192" s="42" t="s">
        <v>172</v>
      </c>
      <c r="I192" s="42"/>
      <c r="J192" s="42"/>
      <c r="K192" s="42"/>
      <c r="L192" s="42"/>
      <c r="M192" s="42"/>
      <c r="N192" s="76"/>
      <c r="O192" s="77"/>
    </row>
    <row r="193" spans="2:15">
      <c r="B193" s="84"/>
      <c r="C193" s="31">
        <v>1299</v>
      </c>
      <c r="D193" s="46"/>
      <c r="E193" s="42"/>
      <c r="F193" s="42"/>
      <c r="G193" s="42"/>
      <c r="H193" s="42" t="s">
        <v>173</v>
      </c>
      <c r="I193" s="42"/>
      <c r="J193" s="42"/>
      <c r="K193" s="42"/>
      <c r="L193" s="42"/>
      <c r="M193" s="42"/>
      <c r="N193" s="76"/>
      <c r="O193" s="77"/>
    </row>
    <row r="194" spans="2:15">
      <c r="B194" s="84"/>
      <c r="C194" s="31">
        <v>96263</v>
      </c>
      <c r="D194" s="46"/>
      <c r="E194" s="42"/>
      <c r="F194" s="42"/>
      <c r="G194" s="42"/>
      <c r="H194" s="42" t="s">
        <v>31</v>
      </c>
      <c r="I194" s="42"/>
      <c r="J194" s="42"/>
      <c r="K194" s="42"/>
      <c r="L194" s="42"/>
      <c r="M194" s="42"/>
      <c r="N194" s="76"/>
      <c r="O194" s="77"/>
    </row>
    <row r="195" spans="2:15">
      <c r="B195" s="84"/>
      <c r="C195" s="31">
        <v>96264</v>
      </c>
      <c r="D195" s="46"/>
      <c r="E195" s="42"/>
      <c r="F195" s="42"/>
      <c r="G195" s="42"/>
      <c r="H195" s="42" t="s">
        <v>32</v>
      </c>
      <c r="I195" s="42"/>
      <c r="J195" s="42"/>
      <c r="K195" s="42"/>
      <c r="L195" s="42"/>
      <c r="M195" s="42"/>
      <c r="N195" s="76"/>
      <c r="O195" s="77"/>
    </row>
    <row r="196" spans="2:15">
      <c r="B196" s="84"/>
      <c r="C196" s="31">
        <v>99329</v>
      </c>
      <c r="D196" s="46"/>
      <c r="E196" s="42"/>
      <c r="F196" s="42"/>
      <c r="G196" s="42"/>
      <c r="H196" s="42" t="s">
        <v>174</v>
      </c>
      <c r="I196" s="42"/>
      <c r="J196" s="42"/>
      <c r="K196" s="42"/>
      <c r="L196" s="42"/>
      <c r="M196" s="42"/>
      <c r="N196" s="76"/>
      <c r="O196" s="77"/>
    </row>
    <row r="197" spans="2:15">
      <c r="B197" s="84"/>
      <c r="C197" s="31">
        <v>251071</v>
      </c>
      <c r="D197" s="46"/>
      <c r="E197" s="42"/>
      <c r="F197" s="42"/>
      <c r="G197" s="42"/>
      <c r="H197" s="42" t="s">
        <v>175</v>
      </c>
      <c r="I197" s="42"/>
      <c r="J197" s="42"/>
      <c r="K197" s="42"/>
      <c r="L197" s="42"/>
      <c r="M197" s="42"/>
      <c r="N197" s="76"/>
      <c r="O197" s="77"/>
    </row>
    <row r="198" spans="2:15">
      <c r="B198" s="84"/>
      <c r="C198" s="31">
        <v>84085</v>
      </c>
      <c r="D198" s="46"/>
      <c r="E198" s="42"/>
      <c r="F198" s="42" t="s">
        <v>176</v>
      </c>
      <c r="G198" s="42"/>
      <c r="H198" s="42"/>
      <c r="I198" s="42"/>
      <c r="J198" s="42"/>
      <c r="K198" s="42"/>
      <c r="L198" s="42"/>
      <c r="M198" s="42"/>
      <c r="N198" s="76"/>
      <c r="O198" s="77"/>
    </row>
    <row r="199" spans="2:15">
      <c r="B199" s="84"/>
      <c r="C199" s="31">
        <v>182114</v>
      </c>
      <c r="D199" s="46"/>
      <c r="E199" s="42"/>
      <c r="F199" s="42" t="s">
        <v>177</v>
      </c>
      <c r="G199" s="46"/>
      <c r="H199" s="46"/>
      <c r="I199" s="42"/>
      <c r="J199" s="42"/>
      <c r="K199" s="42"/>
      <c r="L199" s="42"/>
      <c r="M199" s="42"/>
      <c r="N199" s="76"/>
      <c r="O199" s="77"/>
    </row>
    <row r="200" spans="2:15">
      <c r="B200" s="84"/>
      <c r="C200" s="31">
        <v>842</v>
      </c>
      <c r="D200" s="46"/>
      <c r="E200" s="42"/>
      <c r="F200" s="42"/>
      <c r="G200" s="42" t="s">
        <v>178</v>
      </c>
      <c r="H200" s="46"/>
      <c r="I200" s="42"/>
      <c r="J200" s="42"/>
      <c r="K200" s="42"/>
      <c r="L200" s="42"/>
      <c r="M200" s="42"/>
      <c r="N200" s="76"/>
      <c r="O200" s="77"/>
    </row>
    <row r="201" spans="2:15">
      <c r="B201" s="84"/>
      <c r="C201" s="31">
        <v>99864</v>
      </c>
      <c r="D201" s="46"/>
      <c r="E201" s="42"/>
      <c r="F201" s="42"/>
      <c r="G201" s="42"/>
      <c r="H201" s="42" t="s">
        <v>179</v>
      </c>
      <c r="I201" s="42"/>
      <c r="J201" s="42"/>
      <c r="K201" s="42"/>
      <c r="L201" s="42"/>
      <c r="M201" s="42"/>
      <c r="N201" s="76"/>
      <c r="O201" s="77"/>
    </row>
    <row r="202" spans="2:15">
      <c r="B202" s="84"/>
      <c r="C202" s="31">
        <v>99865</v>
      </c>
      <c r="D202" s="46"/>
      <c r="E202" s="42"/>
      <c r="F202" s="42"/>
      <c r="G202" s="42"/>
      <c r="H202" s="42" t="s">
        <v>180</v>
      </c>
      <c r="I202" s="42"/>
      <c r="J202" s="42"/>
      <c r="K202" s="42"/>
      <c r="L202" s="42"/>
      <c r="M202" s="42"/>
      <c r="N202" s="76"/>
      <c r="O202" s="77"/>
    </row>
    <row r="203" spans="2:15">
      <c r="B203" s="84"/>
      <c r="C203" s="31">
        <v>99866</v>
      </c>
      <c r="D203" s="46"/>
      <c r="E203" s="42"/>
      <c r="F203" s="42"/>
      <c r="G203" s="42"/>
      <c r="H203" s="42" t="s">
        <v>181</v>
      </c>
      <c r="I203" s="42"/>
      <c r="J203" s="42"/>
      <c r="K203" s="42"/>
      <c r="L203" s="42"/>
      <c r="M203" s="42"/>
      <c r="N203" s="76"/>
      <c r="O203" s="77"/>
    </row>
    <row r="204" spans="2:15">
      <c r="B204" s="84"/>
      <c r="C204" s="31">
        <v>98058</v>
      </c>
      <c r="D204" s="46"/>
      <c r="E204" s="42"/>
      <c r="F204" s="42"/>
      <c r="G204" s="42" t="s">
        <v>182</v>
      </c>
      <c r="H204" s="46"/>
      <c r="I204" s="42"/>
      <c r="J204" s="42"/>
      <c r="K204" s="42"/>
      <c r="L204" s="42"/>
      <c r="M204" s="42"/>
      <c r="N204" s="76"/>
      <c r="O204" s="77"/>
    </row>
    <row r="205" spans="2:15">
      <c r="B205" s="84"/>
      <c r="C205" s="31">
        <v>1331</v>
      </c>
      <c r="D205" s="46"/>
      <c r="E205" s="42"/>
      <c r="F205" s="42"/>
      <c r="G205" s="42"/>
      <c r="H205" s="42" t="s">
        <v>183</v>
      </c>
      <c r="I205" s="42"/>
      <c r="J205" s="42"/>
      <c r="K205" s="42"/>
      <c r="L205" s="42"/>
      <c r="M205" s="42"/>
      <c r="N205" s="76"/>
      <c r="O205" s="77"/>
    </row>
    <row r="206" spans="2:15">
      <c r="B206" s="84"/>
      <c r="C206" s="31">
        <v>209989</v>
      </c>
      <c r="D206" s="46"/>
      <c r="E206" s="42"/>
      <c r="F206" s="42"/>
      <c r="G206" s="42"/>
      <c r="H206" s="42" t="s">
        <v>184</v>
      </c>
      <c r="I206" s="42"/>
      <c r="J206" s="42"/>
      <c r="K206" s="42"/>
      <c r="L206" s="42"/>
      <c r="M206" s="42"/>
      <c r="N206" s="76"/>
      <c r="O206" s="77"/>
    </row>
    <row r="207" spans="2:15">
      <c r="B207" s="84"/>
      <c r="C207" s="31">
        <v>284400</v>
      </c>
      <c r="D207" s="46"/>
      <c r="E207" s="42"/>
      <c r="F207" s="42"/>
      <c r="G207" s="42"/>
      <c r="H207" s="42" t="s">
        <v>185</v>
      </c>
      <c r="I207" s="42"/>
      <c r="J207" s="42"/>
      <c r="K207" s="42"/>
      <c r="L207" s="42"/>
      <c r="M207" s="42"/>
      <c r="N207" s="76"/>
      <c r="O207" s="77"/>
    </row>
    <row r="208" spans="2:15" ht="15.75" thickBot="1">
      <c r="B208" s="85"/>
      <c r="C208" s="32">
        <v>279947</v>
      </c>
      <c r="D208" s="86"/>
      <c r="E208" s="49"/>
      <c r="F208" s="49" t="s">
        <v>186</v>
      </c>
      <c r="G208" s="49"/>
      <c r="H208" s="49"/>
      <c r="I208" s="49"/>
      <c r="J208" s="49"/>
      <c r="K208" s="49"/>
      <c r="L208" s="49"/>
      <c r="M208" s="49"/>
      <c r="N208" s="78"/>
      <c r="O208" s="79"/>
    </row>
    <row r="209" spans="3:13">
      <c r="D209" s="35"/>
      <c r="E209" s="35"/>
      <c r="F209" s="35"/>
      <c r="G209" s="35"/>
      <c r="H209" s="35"/>
      <c r="I209" s="35"/>
      <c r="J209" s="35"/>
      <c r="K209" s="35"/>
      <c r="L209" s="35"/>
      <c r="M209" s="35"/>
    </row>
    <row r="210" spans="3:13">
      <c r="C210" s="87" t="s">
        <v>199</v>
      </c>
      <c r="D210" s="35"/>
      <c r="E210" s="35"/>
      <c r="F210" s="35"/>
      <c r="G210" s="35"/>
      <c r="H210" s="35"/>
      <c r="I210" s="35"/>
      <c r="J210" s="35"/>
      <c r="K210" s="35"/>
      <c r="L210" s="35"/>
      <c r="M210" s="35"/>
    </row>
    <row r="211" spans="3:13">
      <c r="D211" s="35"/>
      <c r="E211" s="35"/>
      <c r="F211" s="35"/>
      <c r="G211" s="35"/>
      <c r="H211" s="35"/>
      <c r="I211" s="35"/>
      <c r="J211" s="35"/>
      <c r="K211" s="35"/>
      <c r="L211" s="35"/>
      <c r="M211" s="35"/>
    </row>
    <row r="212" spans="3:13">
      <c r="D212" s="35"/>
      <c r="E212" s="35"/>
      <c r="F212" s="35"/>
      <c r="G212" s="35"/>
      <c r="H212" s="35"/>
      <c r="I212" s="35"/>
      <c r="J212" s="35"/>
      <c r="K212" s="35"/>
      <c r="L212" s="35"/>
      <c r="M212" s="35"/>
    </row>
    <row r="213" spans="3:13">
      <c r="D213" s="35"/>
      <c r="E213" s="35"/>
      <c r="F213" s="35"/>
      <c r="G213" s="35"/>
      <c r="H213" s="35"/>
      <c r="I213" s="35"/>
      <c r="J213" s="35"/>
      <c r="K213" s="35"/>
      <c r="L213" s="35"/>
      <c r="M213" s="35"/>
    </row>
    <row r="214" spans="3:13">
      <c r="D214" s="35"/>
      <c r="E214" s="35"/>
      <c r="F214" s="35"/>
      <c r="G214" s="35"/>
      <c r="H214" s="35"/>
      <c r="I214" s="35"/>
      <c r="J214" s="35"/>
      <c r="K214" s="35"/>
      <c r="L214" s="35"/>
      <c r="M214" s="35"/>
    </row>
    <row r="215" spans="3:13">
      <c r="D215" s="35"/>
      <c r="E215" s="35"/>
      <c r="F215" s="35"/>
      <c r="G215" s="35"/>
      <c r="H215" s="35"/>
      <c r="I215" s="35"/>
      <c r="J215" s="35"/>
      <c r="K215" s="35"/>
      <c r="L215" s="35"/>
      <c r="M215" s="35"/>
    </row>
    <row r="216" spans="3:13">
      <c r="D216" s="35"/>
      <c r="E216" s="35"/>
      <c r="F216" s="35"/>
      <c r="G216" s="35"/>
      <c r="H216" s="35"/>
      <c r="I216" s="35"/>
      <c r="J216" s="35"/>
      <c r="K216" s="35"/>
      <c r="L216" s="35"/>
      <c r="M216" s="35"/>
    </row>
    <row r="217" spans="3:13">
      <c r="D217" s="35"/>
      <c r="E217" s="35"/>
      <c r="F217" s="35"/>
      <c r="G217" s="35"/>
      <c r="H217" s="35"/>
      <c r="I217" s="35"/>
      <c r="J217" s="35"/>
      <c r="K217" s="35"/>
      <c r="L217" s="35"/>
      <c r="M217" s="35"/>
    </row>
    <row r="218" spans="3:13">
      <c r="D218" s="35"/>
      <c r="E218" s="35"/>
      <c r="F218" s="35"/>
      <c r="G218" s="35"/>
      <c r="H218" s="35"/>
      <c r="I218" s="35"/>
      <c r="J218" s="35"/>
      <c r="K218" s="35"/>
      <c r="L218" s="35"/>
      <c r="M218" s="35"/>
    </row>
    <row r="219" spans="3:13">
      <c r="D219" s="35"/>
      <c r="E219" s="35"/>
      <c r="F219" s="35"/>
      <c r="G219" s="35"/>
      <c r="H219" s="35"/>
      <c r="I219" s="35"/>
      <c r="J219" s="35"/>
      <c r="K219" s="35"/>
      <c r="L219" s="35"/>
      <c r="M219" s="35"/>
    </row>
  </sheetData>
  <sheetProtection password="98D8" sheet="1" objects="1" scenarios="1" selectLockedCells="1"/>
  <mergeCells count="6">
    <mergeCell ref="C6:E6"/>
    <mergeCell ref="C7:E7"/>
    <mergeCell ref="E9:M9"/>
    <mergeCell ref="L3:O3"/>
    <mergeCell ref="L6:O6"/>
    <mergeCell ref="L7:O7"/>
  </mergeCells>
  <pageMargins left="0.7" right="0.7" top="0.78740157499999996" bottom="0.78740157499999996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>
  <dimension ref="B1:O33"/>
  <sheetViews>
    <sheetView topLeftCell="C1" zoomScale="90" zoomScaleNormal="90" workbookViewId="0">
      <pane ySplit="9" topLeftCell="A10" activePane="bottomLeft" state="frozen"/>
      <selection activeCell="C1" sqref="C1"/>
      <selection pane="bottomLeft" activeCell="L3" sqref="L3:O3"/>
    </sheetView>
  </sheetViews>
  <sheetFormatPr baseColWidth="10" defaultRowHeight="15"/>
  <cols>
    <col min="1" max="2" width="0" style="1" hidden="1" customWidth="1"/>
    <col min="3" max="3" width="10.85546875" style="1" customWidth="1"/>
    <col min="4" max="4" width="1.42578125" style="1" customWidth="1"/>
    <col min="5" max="12" width="3.5703125" style="1" customWidth="1"/>
    <col min="13" max="13" width="100.7109375" style="1" customWidth="1"/>
    <col min="14" max="14" width="20.85546875" style="1" customWidth="1"/>
    <col min="15" max="15" width="24.28515625" style="1" customWidth="1"/>
    <col min="16" max="16384" width="11.42578125" style="1"/>
  </cols>
  <sheetData>
    <row r="1" spans="2:15" ht="5.25" customHeight="1">
      <c r="B1" s="2"/>
      <c r="F1" s="3"/>
      <c r="G1" s="3"/>
      <c r="H1" s="3"/>
    </row>
    <row r="2" spans="2:15" ht="4.5" customHeight="1">
      <c r="C2" s="4"/>
      <c r="D2" s="5"/>
      <c r="E2" s="5"/>
      <c r="F2" s="6"/>
      <c r="G2" s="6"/>
      <c r="H2" s="6"/>
      <c r="I2" s="6"/>
      <c r="J2" s="6"/>
      <c r="K2" s="6"/>
      <c r="L2" s="7"/>
      <c r="M2" s="8"/>
      <c r="N2" s="8"/>
      <c r="O2" s="9"/>
    </row>
    <row r="3" spans="2:15" s="10" customFormat="1" ht="21.75" thickBot="1">
      <c r="C3" s="11" t="s">
        <v>187</v>
      </c>
      <c r="D3" s="12"/>
      <c r="E3" s="12"/>
      <c r="F3" s="13"/>
      <c r="G3" s="14"/>
      <c r="H3" s="14"/>
      <c r="I3" s="14"/>
      <c r="J3" s="14"/>
      <c r="K3" s="14"/>
      <c r="L3" s="68"/>
      <c r="M3" s="69"/>
      <c r="N3" s="69"/>
      <c r="O3" s="70"/>
    </row>
    <row r="4" spans="2:15" s="10" customFormat="1" ht="4.5" customHeight="1">
      <c r="C4" s="15"/>
      <c r="D4" s="16"/>
      <c r="E4" s="16"/>
      <c r="F4" s="17"/>
      <c r="G4" s="18"/>
      <c r="H4" s="18"/>
      <c r="I4" s="18"/>
      <c r="J4" s="18"/>
      <c r="K4" s="18"/>
      <c r="L4" s="19"/>
      <c r="M4" s="20"/>
      <c r="N4" s="20"/>
      <c r="O4" s="21"/>
    </row>
    <row r="5" spans="2:15" ht="7.5" customHeight="1">
      <c r="C5" s="3"/>
      <c r="G5" s="3"/>
      <c r="H5" s="3"/>
      <c r="I5" s="3"/>
      <c r="J5" s="3"/>
      <c r="K5" s="3"/>
      <c r="M5" s="22"/>
      <c r="N5" s="22"/>
      <c r="O5" s="22"/>
    </row>
    <row r="6" spans="2:15" s="23" customFormat="1" ht="22.5" customHeight="1">
      <c r="C6" s="57" t="s">
        <v>188</v>
      </c>
      <c r="D6" s="58"/>
      <c r="E6" s="59"/>
      <c r="F6" s="33"/>
      <c r="G6" s="34"/>
      <c r="H6" s="34"/>
      <c r="I6" s="34"/>
      <c r="J6" s="34"/>
      <c r="K6" s="34"/>
      <c r="L6" s="71"/>
      <c r="M6" s="72"/>
      <c r="N6" s="72"/>
      <c r="O6" s="73"/>
    </row>
    <row r="7" spans="2:15" s="23" customFormat="1" ht="22.5" customHeight="1">
      <c r="C7" s="57" t="s">
        <v>189</v>
      </c>
      <c r="D7" s="58"/>
      <c r="E7" s="59"/>
      <c r="F7" s="33"/>
      <c r="G7" s="34"/>
      <c r="H7" s="34"/>
      <c r="I7" s="34"/>
      <c r="J7" s="34"/>
      <c r="K7" s="34"/>
      <c r="L7" s="71"/>
      <c r="M7" s="72"/>
      <c r="N7" s="72"/>
      <c r="O7" s="73"/>
    </row>
    <row r="8" spans="2:15" ht="7.5" customHeight="1" thickBot="1">
      <c r="B8" s="3"/>
      <c r="F8" s="3"/>
      <c r="G8" s="3"/>
      <c r="H8" s="3"/>
    </row>
    <row r="9" spans="2:15" s="24" customFormat="1" ht="60" customHeight="1" thickBot="1">
      <c r="B9" s="52" t="s">
        <v>190</v>
      </c>
      <c r="C9" s="53" t="s">
        <v>191</v>
      </c>
      <c r="D9" s="54"/>
      <c r="E9" s="63" t="s">
        <v>198</v>
      </c>
      <c r="F9" s="64"/>
      <c r="G9" s="64"/>
      <c r="H9" s="64"/>
      <c r="I9" s="64"/>
      <c r="J9" s="64"/>
      <c r="K9" s="64"/>
      <c r="L9" s="64"/>
      <c r="M9" s="65"/>
      <c r="N9" s="55" t="s">
        <v>197</v>
      </c>
      <c r="O9" s="56" t="s">
        <v>193</v>
      </c>
    </row>
    <row r="10" spans="2:15" ht="15.75" customHeight="1">
      <c r="B10" s="80"/>
      <c r="C10" s="30">
        <v>101433</v>
      </c>
      <c r="D10" s="81"/>
      <c r="E10" s="82" t="s">
        <v>0</v>
      </c>
      <c r="F10" s="81"/>
      <c r="G10" s="81"/>
      <c r="H10" s="81"/>
      <c r="I10" s="81"/>
      <c r="J10" s="83"/>
      <c r="K10" s="83"/>
      <c r="L10" s="83"/>
      <c r="M10" s="83"/>
      <c r="N10" s="74"/>
      <c r="O10" s="75"/>
    </row>
    <row r="11" spans="2:15">
      <c r="B11" s="84"/>
      <c r="C11" s="31">
        <v>90771</v>
      </c>
      <c r="D11" s="46"/>
      <c r="E11" s="42"/>
      <c r="F11" s="42" t="s">
        <v>1</v>
      </c>
      <c r="G11" s="46"/>
      <c r="H11" s="46"/>
      <c r="I11" s="46"/>
      <c r="J11" s="42"/>
      <c r="K11" s="42"/>
      <c r="L11" s="42"/>
      <c r="M11" s="42"/>
      <c r="N11" s="76"/>
      <c r="O11" s="77"/>
    </row>
    <row r="12" spans="2:15">
      <c r="B12" s="84"/>
      <c r="C12" s="31">
        <v>2795</v>
      </c>
      <c r="D12" s="46"/>
      <c r="E12" s="42"/>
      <c r="F12" s="42" t="s">
        <v>89</v>
      </c>
      <c r="G12" s="42"/>
      <c r="H12" s="42"/>
      <c r="I12" s="42"/>
      <c r="J12" s="42"/>
      <c r="K12" s="42"/>
      <c r="L12" s="42"/>
      <c r="M12" s="42"/>
      <c r="N12" s="76"/>
      <c r="O12" s="77"/>
    </row>
    <row r="13" spans="2:15">
      <c r="B13" s="84"/>
      <c r="C13" s="31">
        <v>37202</v>
      </c>
      <c r="D13" s="46"/>
      <c r="E13" s="42"/>
      <c r="F13" s="42" t="s">
        <v>90</v>
      </c>
      <c r="G13" s="42"/>
      <c r="H13" s="42"/>
      <c r="I13" s="42"/>
      <c r="J13" s="42"/>
      <c r="K13" s="42"/>
      <c r="L13" s="42"/>
      <c r="M13" s="42"/>
      <c r="N13" s="76"/>
      <c r="O13" s="77"/>
    </row>
    <row r="14" spans="2:15">
      <c r="B14" s="84"/>
      <c r="C14" s="31">
        <v>83001</v>
      </c>
      <c r="D14" s="46"/>
      <c r="E14" s="42"/>
      <c r="F14" s="42" t="s">
        <v>91</v>
      </c>
      <c r="G14" s="46"/>
      <c r="H14" s="46"/>
      <c r="I14" s="46"/>
      <c r="J14" s="46"/>
      <c r="K14" s="42"/>
      <c r="L14" s="42"/>
      <c r="M14" s="42"/>
      <c r="N14" s="76"/>
      <c r="O14" s="77"/>
    </row>
    <row r="15" spans="2:15">
      <c r="B15" s="84"/>
      <c r="C15" s="31">
        <v>84085</v>
      </c>
      <c r="D15" s="46"/>
      <c r="E15" s="42"/>
      <c r="F15" s="42" t="s">
        <v>176</v>
      </c>
      <c r="G15" s="42"/>
      <c r="H15" s="42"/>
      <c r="I15" s="42"/>
      <c r="J15" s="42"/>
      <c r="K15" s="42"/>
      <c r="L15" s="42"/>
      <c r="M15" s="42"/>
      <c r="N15" s="76"/>
      <c r="O15" s="77"/>
    </row>
    <row r="16" spans="2:15">
      <c r="B16" s="84"/>
      <c r="C16" s="31">
        <v>182114</v>
      </c>
      <c r="D16" s="46"/>
      <c r="E16" s="42"/>
      <c r="F16" s="42" t="s">
        <v>177</v>
      </c>
      <c r="G16" s="46"/>
      <c r="H16" s="46"/>
      <c r="I16" s="42"/>
      <c r="J16" s="42"/>
      <c r="K16" s="42"/>
      <c r="L16" s="42"/>
      <c r="M16" s="42"/>
      <c r="N16" s="76"/>
      <c r="O16" s="77"/>
    </row>
    <row r="17" spans="2:15" ht="15" customHeight="1" thickBot="1">
      <c r="B17" s="85"/>
      <c r="C17" s="31">
        <v>279947</v>
      </c>
      <c r="D17" s="46"/>
      <c r="E17" s="42"/>
      <c r="F17" s="42" t="s">
        <v>186</v>
      </c>
      <c r="G17" s="42"/>
      <c r="H17" s="42"/>
      <c r="I17" s="42"/>
      <c r="J17" s="42"/>
      <c r="K17" s="42"/>
      <c r="L17" s="42"/>
      <c r="M17" s="42"/>
      <c r="N17" s="76"/>
      <c r="O17" s="77"/>
    </row>
    <row r="18" spans="2:15" s="35" customFormat="1" ht="15.75" customHeight="1">
      <c r="B18" s="36"/>
      <c r="C18" s="37"/>
      <c r="D18" s="38"/>
      <c r="E18" s="66" t="s">
        <v>196</v>
      </c>
      <c r="F18" s="92"/>
      <c r="G18" s="92"/>
      <c r="H18" s="92"/>
      <c r="I18" s="92"/>
      <c r="J18" s="92"/>
      <c r="K18" s="92"/>
      <c r="L18" s="92"/>
      <c r="M18" s="93"/>
      <c r="N18" s="94"/>
      <c r="O18" s="95"/>
    </row>
    <row r="19" spans="2:15" s="35" customFormat="1" ht="15.75" customHeight="1">
      <c r="B19" s="36"/>
      <c r="C19" s="39"/>
      <c r="D19" s="40"/>
      <c r="E19" s="67" t="s">
        <v>195</v>
      </c>
      <c r="F19" s="96"/>
      <c r="G19" s="96"/>
      <c r="H19" s="96"/>
      <c r="I19" s="96"/>
      <c r="J19" s="96"/>
      <c r="K19" s="96"/>
      <c r="L19" s="96"/>
      <c r="M19" s="97"/>
      <c r="N19" s="98"/>
      <c r="O19" s="99"/>
    </row>
    <row r="20" spans="2:15" s="35" customFormat="1" ht="15.75" customHeight="1">
      <c r="B20" s="36"/>
      <c r="C20" s="41"/>
      <c r="D20" s="88"/>
      <c r="E20" s="72"/>
      <c r="F20" s="72"/>
      <c r="G20" s="72"/>
      <c r="H20" s="72"/>
      <c r="I20" s="72"/>
      <c r="J20" s="72"/>
      <c r="K20" s="72"/>
      <c r="L20" s="72"/>
      <c r="M20" s="73"/>
      <c r="N20" s="43"/>
      <c r="O20" s="44"/>
    </row>
    <row r="21" spans="2:15" s="35" customFormat="1" ht="15" customHeight="1">
      <c r="B21" s="36"/>
      <c r="C21" s="41"/>
      <c r="D21" s="88"/>
      <c r="E21" s="72"/>
      <c r="F21" s="72"/>
      <c r="G21" s="72"/>
      <c r="H21" s="72"/>
      <c r="I21" s="72"/>
      <c r="J21" s="72"/>
      <c r="K21" s="72"/>
      <c r="L21" s="72"/>
      <c r="M21" s="73"/>
      <c r="N21" s="43"/>
      <c r="O21" s="44"/>
    </row>
    <row r="22" spans="2:15" s="35" customFormat="1" ht="15" customHeight="1">
      <c r="B22" s="36"/>
      <c r="C22" s="41"/>
      <c r="D22" s="88"/>
      <c r="E22" s="72"/>
      <c r="F22" s="72"/>
      <c r="G22" s="72"/>
      <c r="H22" s="72"/>
      <c r="I22" s="72"/>
      <c r="J22" s="72"/>
      <c r="K22" s="72"/>
      <c r="L22" s="72"/>
      <c r="M22" s="73"/>
      <c r="N22" s="43"/>
      <c r="O22" s="44"/>
    </row>
    <row r="23" spans="2:15" s="35" customFormat="1" ht="15" customHeight="1">
      <c r="B23" s="36"/>
      <c r="C23" s="41"/>
      <c r="D23" s="88"/>
      <c r="E23" s="72"/>
      <c r="F23" s="72"/>
      <c r="G23" s="72"/>
      <c r="H23" s="72"/>
      <c r="I23" s="72"/>
      <c r="J23" s="72"/>
      <c r="K23" s="72"/>
      <c r="L23" s="72"/>
      <c r="M23" s="73"/>
      <c r="N23" s="43"/>
      <c r="O23" s="44"/>
    </row>
    <row r="24" spans="2:15" s="35" customFormat="1" ht="15" customHeight="1">
      <c r="B24" s="36"/>
      <c r="C24" s="41"/>
      <c r="D24" s="88"/>
      <c r="E24" s="72"/>
      <c r="F24" s="72"/>
      <c r="G24" s="72"/>
      <c r="H24" s="72"/>
      <c r="I24" s="72"/>
      <c r="J24" s="72"/>
      <c r="K24" s="72"/>
      <c r="L24" s="72"/>
      <c r="M24" s="73"/>
      <c r="N24" s="43"/>
      <c r="O24" s="44"/>
    </row>
    <row r="25" spans="2:15" s="35" customFormat="1" ht="15" customHeight="1">
      <c r="B25" s="36"/>
      <c r="C25" s="41"/>
      <c r="D25" s="88"/>
      <c r="E25" s="72"/>
      <c r="F25" s="72"/>
      <c r="G25" s="72"/>
      <c r="H25" s="72"/>
      <c r="I25" s="72"/>
      <c r="J25" s="72"/>
      <c r="K25" s="72"/>
      <c r="L25" s="72"/>
      <c r="M25" s="73"/>
      <c r="N25" s="43"/>
      <c r="O25" s="44"/>
    </row>
    <row r="26" spans="2:15" s="35" customFormat="1" ht="15" customHeight="1">
      <c r="B26" s="36"/>
      <c r="C26" s="41"/>
      <c r="D26" s="88"/>
      <c r="E26" s="72"/>
      <c r="F26" s="72"/>
      <c r="G26" s="72"/>
      <c r="H26" s="72"/>
      <c r="I26" s="72"/>
      <c r="J26" s="72"/>
      <c r="K26" s="72"/>
      <c r="L26" s="72"/>
      <c r="M26" s="73"/>
      <c r="N26" s="43"/>
      <c r="O26" s="44"/>
    </row>
    <row r="27" spans="2:15" s="35" customFormat="1" ht="15" customHeight="1">
      <c r="B27" s="36"/>
      <c r="C27" s="41"/>
      <c r="D27" s="88"/>
      <c r="E27" s="72"/>
      <c r="F27" s="72"/>
      <c r="G27" s="72"/>
      <c r="H27" s="72"/>
      <c r="I27" s="72"/>
      <c r="J27" s="72"/>
      <c r="K27" s="72"/>
      <c r="L27" s="72"/>
      <c r="M27" s="73"/>
      <c r="N27" s="43"/>
      <c r="O27" s="44"/>
    </row>
    <row r="28" spans="2:15" s="35" customFormat="1" ht="15" customHeight="1">
      <c r="B28" s="45"/>
      <c r="C28" s="41"/>
      <c r="D28" s="88"/>
      <c r="E28" s="72"/>
      <c r="F28" s="72"/>
      <c r="G28" s="72"/>
      <c r="H28" s="72"/>
      <c r="I28" s="72"/>
      <c r="J28" s="72"/>
      <c r="K28" s="72"/>
      <c r="L28" s="72"/>
      <c r="M28" s="73"/>
      <c r="N28" s="43"/>
      <c r="O28" s="44"/>
    </row>
    <row r="29" spans="2:15" s="35" customFormat="1" ht="15" customHeight="1">
      <c r="B29" s="36"/>
      <c r="C29" s="41"/>
      <c r="D29" s="88"/>
      <c r="E29" s="72"/>
      <c r="F29" s="72"/>
      <c r="G29" s="72"/>
      <c r="H29" s="72"/>
      <c r="I29" s="72"/>
      <c r="J29" s="72"/>
      <c r="K29" s="72"/>
      <c r="L29" s="72"/>
      <c r="M29" s="73"/>
      <c r="N29" s="43"/>
      <c r="O29" s="44"/>
    </row>
    <row r="30" spans="2:15" s="35" customFormat="1" ht="15" customHeight="1">
      <c r="B30" s="36"/>
      <c r="C30" s="41"/>
      <c r="D30" s="88"/>
      <c r="E30" s="72"/>
      <c r="F30" s="72"/>
      <c r="G30" s="72"/>
      <c r="H30" s="72"/>
      <c r="I30" s="72"/>
      <c r="J30" s="72"/>
      <c r="K30" s="72"/>
      <c r="L30" s="72"/>
      <c r="M30" s="73"/>
      <c r="N30" s="43"/>
      <c r="O30" s="44"/>
    </row>
    <row r="31" spans="2:15" s="35" customFormat="1" ht="15.75" customHeight="1" thickBot="1">
      <c r="B31" s="47"/>
      <c r="C31" s="48"/>
      <c r="D31" s="89"/>
      <c r="E31" s="90"/>
      <c r="F31" s="90"/>
      <c r="G31" s="90"/>
      <c r="H31" s="90"/>
      <c r="I31" s="90"/>
      <c r="J31" s="90"/>
      <c r="K31" s="90"/>
      <c r="L31" s="90"/>
      <c r="M31" s="91"/>
      <c r="N31" s="50"/>
      <c r="O31" s="51"/>
    </row>
    <row r="32" spans="2:15">
      <c r="D32" s="35"/>
      <c r="E32" s="35"/>
      <c r="F32" s="35"/>
      <c r="G32" s="35"/>
      <c r="H32" s="35"/>
      <c r="I32" s="35"/>
      <c r="J32" s="35"/>
      <c r="K32" s="35"/>
      <c r="L32" s="35"/>
      <c r="M32" s="35"/>
    </row>
    <row r="33" spans="3:13">
      <c r="C33" s="87" t="s">
        <v>199</v>
      </c>
      <c r="D33" s="35"/>
      <c r="E33" s="35"/>
      <c r="F33" s="35"/>
      <c r="G33" s="35"/>
      <c r="H33" s="35"/>
      <c r="I33" s="35"/>
      <c r="J33" s="35"/>
      <c r="K33" s="35"/>
      <c r="L33" s="35"/>
      <c r="M33" s="35"/>
    </row>
  </sheetData>
  <sheetProtection password="98D8" sheet="1" objects="1" scenarios="1" selectLockedCells="1"/>
  <mergeCells count="20">
    <mergeCell ref="D27:M27"/>
    <mergeCell ref="D28:M28"/>
    <mergeCell ref="D29:M29"/>
    <mergeCell ref="D30:M30"/>
    <mergeCell ref="D31:M31"/>
    <mergeCell ref="D22:M22"/>
    <mergeCell ref="D23:M23"/>
    <mergeCell ref="D24:M24"/>
    <mergeCell ref="D25:M25"/>
    <mergeCell ref="D26:M26"/>
    <mergeCell ref="L3:O3"/>
    <mergeCell ref="L6:O6"/>
    <mergeCell ref="L7:O7"/>
    <mergeCell ref="D20:M20"/>
    <mergeCell ref="D21:M21"/>
    <mergeCell ref="C6:E6"/>
    <mergeCell ref="C7:E7"/>
    <mergeCell ref="E9:M9"/>
    <mergeCell ref="E18:M18"/>
    <mergeCell ref="E19:M19"/>
  </mergeCells>
  <pageMargins left="0.7" right="0.7" top="0.78740157499999996" bottom="0.78740157499999996" header="0.3" footer="0.3"/>
  <pageSetup paperSize="9" orientation="portrait" verticalDpi="4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Arbeitsblätter</vt:lpstr>
      </vt:variant>
      <vt:variant>
        <vt:i4>2</vt:i4>
      </vt:variant>
    </vt:vector>
  </HeadingPairs>
  <TitlesOfParts>
    <vt:vector size="2" baseType="lpstr">
      <vt:lpstr>Einzel-Erkrankungen</vt:lpstr>
      <vt:lpstr>Klassifikation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ill Voigtländer</dc:creator>
  <cp:lastModifiedBy>till.voigtlaender</cp:lastModifiedBy>
  <dcterms:created xsi:type="dcterms:W3CDTF">2013-05-25T20:08:43Z</dcterms:created>
  <dcterms:modified xsi:type="dcterms:W3CDTF">2013-07-24T13:22:42Z</dcterms:modified>
</cp:coreProperties>
</file>